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defaultThemeVersion="164011"/>
  <bookViews>
    <workbookView xWindow="0" yWindow="0" windowWidth="21600" windowHeight="9450"/>
  </bookViews>
  <sheets>
    <sheet name="For Publication" sheetId="63" r:id="rId1"/>
  </sheets>
  <externalReferences>
    <externalReference r:id="rId2"/>
    <externalReference r:id="rId3"/>
    <externalReference r:id="rId4"/>
  </externalReferences>
  <definedNames>
    <definedName name="_xlnm._FilterDatabase" localSheetId="0" hidden="1">'For Publication'!$B$1:$B$714</definedName>
    <definedName name="_xlnm.Print_Area" localSheetId="0">'For Publication'!$A$1:$G$628</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G241" i="63" l="1"/>
  <c r="F241" i="63"/>
  <c r="G238" i="63"/>
  <c r="F238" i="63"/>
  <c r="G237" i="63"/>
  <c r="G240" i="63" s="1"/>
  <c r="F237" i="63"/>
  <c r="F240" i="63" s="1"/>
  <c r="G227" i="63"/>
  <c r="F227" i="63"/>
  <c r="G224" i="63"/>
  <c r="G225" i="63" s="1"/>
  <c r="F224" i="63"/>
  <c r="F225" i="63" s="1"/>
  <c r="F226" i="63" s="1"/>
  <c r="E241" i="63"/>
  <c r="E238" i="63"/>
  <c r="E237" i="63"/>
  <c r="E239" i="63" s="1"/>
  <c r="E227" i="63"/>
  <c r="E224" i="63"/>
  <c r="E225" i="63" s="1"/>
  <c r="E226" i="63" s="1"/>
  <c r="D241" i="63"/>
  <c r="D238" i="63"/>
  <c r="D237" i="63"/>
  <c r="D239" i="63" s="1"/>
  <c r="D227" i="63"/>
  <c r="D224" i="63"/>
  <c r="D225" i="63" s="1"/>
  <c r="C241" i="63"/>
  <c r="C238" i="63"/>
  <c r="C237" i="63"/>
  <c r="C239" i="63" s="1"/>
  <c r="C227" i="63"/>
  <c r="C224" i="63"/>
  <c r="C225" i="63" s="1"/>
  <c r="C201" i="63"/>
  <c r="C199" i="63" l="1"/>
  <c r="F199" i="63"/>
  <c r="E240" i="63"/>
  <c r="C240" i="63"/>
  <c r="D240" i="63"/>
  <c r="F239" i="63"/>
  <c r="G239" i="63"/>
  <c r="F303" i="63" l="1"/>
  <c r="B10" i="63" l="1"/>
  <c r="C10" i="63"/>
  <c r="C13" i="63"/>
  <c r="E13" i="63"/>
  <c r="F13" i="63"/>
  <c r="B21" i="63"/>
  <c r="C21" i="63"/>
  <c r="G29" i="63"/>
  <c r="C35" i="63"/>
  <c r="D35" i="63"/>
  <c r="F35" i="63"/>
  <c r="G35" i="63"/>
  <c r="C42" i="63"/>
  <c r="D42" i="63"/>
  <c r="C48" i="63"/>
  <c r="D48" i="63"/>
  <c r="G51" i="63"/>
  <c r="G55" i="63" s="1"/>
  <c r="G56" i="63" s="1"/>
  <c r="F53" i="63"/>
  <c r="F58" i="63" s="1"/>
  <c r="E54" i="63"/>
  <c r="F54" i="63"/>
  <c r="F61" i="63" s="1"/>
  <c r="G54" i="63"/>
  <c r="F55" i="63"/>
  <c r="F62" i="63" s="1"/>
  <c r="D56" i="63"/>
  <c r="E56" i="63"/>
  <c r="F56" i="63"/>
  <c r="F57" i="63"/>
  <c r="E60" i="63"/>
  <c r="E61" i="63"/>
  <c r="G63" i="63"/>
  <c r="D66" i="63"/>
  <c r="C89" i="63"/>
  <c r="G114" i="63"/>
  <c r="C118" i="63"/>
  <c r="E118" i="63"/>
  <c r="F118" i="63"/>
  <c r="G120" i="63"/>
  <c r="D127" i="63"/>
  <c r="E127" i="63"/>
  <c r="F127" i="63"/>
  <c r="G127" i="63"/>
  <c r="D128" i="63"/>
  <c r="E132" i="63"/>
  <c r="F132" i="63"/>
  <c r="C133" i="63"/>
  <c r="D134" i="63"/>
  <c r="D135" i="63" s="1"/>
  <c r="E134" i="63"/>
  <c r="F134" i="63"/>
  <c r="G134" i="63"/>
  <c r="G135" i="63" s="1"/>
  <c r="C137" i="63"/>
  <c r="D137" i="63"/>
  <c r="E137" i="63"/>
  <c r="F137" i="63"/>
  <c r="G137" i="63"/>
  <c r="C141" i="63"/>
  <c r="D141" i="63"/>
  <c r="E141" i="63"/>
  <c r="F141" i="63"/>
  <c r="G141" i="63"/>
  <c r="D144" i="63"/>
  <c r="D147" i="63" s="1"/>
  <c r="C145" i="63"/>
  <c r="E145" i="63"/>
  <c r="E144" i="63" s="1"/>
  <c r="E147" i="63" s="1"/>
  <c r="F145" i="63"/>
  <c r="F144" i="63" s="1"/>
  <c r="G147" i="63"/>
  <c r="C152" i="63"/>
  <c r="D153" i="63"/>
  <c r="F153" i="63"/>
  <c r="G153" i="63"/>
  <c r="C156" i="63"/>
  <c r="D156" i="63"/>
  <c r="D154" i="63" s="1"/>
  <c r="E156" i="63"/>
  <c r="E154" i="63" s="1"/>
  <c r="F156" i="63"/>
  <c r="F154" i="63" s="1"/>
  <c r="G156" i="63"/>
  <c r="G154" i="63" s="1"/>
  <c r="C157" i="63"/>
  <c r="D157" i="63"/>
  <c r="E157" i="63"/>
  <c r="F157" i="63"/>
  <c r="G157" i="63"/>
  <c r="D160" i="63"/>
  <c r="F160" i="63"/>
  <c r="C163" i="63"/>
  <c r="D163" i="63"/>
  <c r="D161" i="63" s="1"/>
  <c r="F163" i="63"/>
  <c r="G163" i="63"/>
  <c r="C164" i="63"/>
  <c r="D164" i="63"/>
  <c r="F164" i="63"/>
  <c r="G164" i="63"/>
  <c r="C165" i="63"/>
  <c r="D165" i="63"/>
  <c r="F165" i="63"/>
  <c r="G165" i="63"/>
  <c r="C173" i="63"/>
  <c r="C174" i="63" s="1"/>
  <c r="C175" i="63" s="1"/>
  <c r="C176" i="63" s="1"/>
  <c r="D173" i="63"/>
  <c r="D174" i="63" s="1"/>
  <c r="D175" i="63" s="1"/>
  <c r="D176" i="63" s="1"/>
  <c r="E173" i="63"/>
  <c r="E174" i="63" s="1"/>
  <c r="E175" i="63" s="1"/>
  <c r="E176" i="63" s="1"/>
  <c r="F173" i="63"/>
  <c r="F174" i="63" s="1"/>
  <c r="F175" i="63" s="1"/>
  <c r="F176" i="63" s="1"/>
  <c r="G173" i="63"/>
  <c r="G174" i="63" s="1"/>
  <c r="G175" i="63" s="1"/>
  <c r="G176" i="63" s="1"/>
  <c r="E178" i="63"/>
  <c r="E181" i="63" s="1"/>
  <c r="F178" i="63"/>
  <c r="F181" i="63" s="1"/>
  <c r="G178" i="63"/>
  <c r="D180" i="63"/>
  <c r="D178" i="63" s="1"/>
  <c r="D181" i="63" s="1"/>
  <c r="G180" i="63"/>
  <c r="G181" i="63"/>
  <c r="C187" i="63"/>
  <c r="C188" i="63" s="1"/>
  <c r="D187" i="63"/>
  <c r="D188" i="63" s="1"/>
  <c r="E187" i="63"/>
  <c r="E188" i="63" s="1"/>
  <c r="F187" i="63"/>
  <c r="F188" i="63" s="1"/>
  <c r="G187" i="63"/>
  <c r="G188" i="63" s="1"/>
  <c r="C250" i="63"/>
  <c r="C251" i="63" s="1"/>
  <c r="D250" i="63"/>
  <c r="D251" i="63" s="1"/>
  <c r="E250" i="63"/>
  <c r="E251" i="63" s="1"/>
  <c r="F250" i="63"/>
  <c r="F251" i="63" s="1"/>
  <c r="F252" i="63" s="1"/>
  <c r="F253" i="63" s="1"/>
  <c r="F254" i="63" s="1"/>
  <c r="F255" i="63" s="1"/>
  <c r="G250" i="63"/>
  <c r="G251" i="63" s="1"/>
  <c r="G252" i="63" s="1"/>
  <c r="G253" i="63" s="1"/>
  <c r="G254" i="63" s="1"/>
  <c r="G255" i="63" s="1"/>
  <c r="C279" i="63"/>
  <c r="C280" i="63" s="1"/>
  <c r="C281" i="63" s="1"/>
  <c r="D279" i="63"/>
  <c r="D280" i="63" s="1"/>
  <c r="D281" i="63" s="1"/>
  <c r="E279" i="63"/>
  <c r="E280" i="63" s="1"/>
  <c r="E281" i="63" s="1"/>
  <c r="F279" i="63"/>
  <c r="F280" i="63" s="1"/>
  <c r="F281" i="63" s="1"/>
  <c r="G279" i="63"/>
  <c r="G280" i="63" s="1"/>
  <c r="G281" i="63" s="1"/>
  <c r="C291" i="63"/>
  <c r="D291" i="63"/>
  <c r="E291" i="63"/>
  <c r="F291" i="63"/>
  <c r="G291" i="63"/>
  <c r="F301" i="63"/>
  <c r="F302" i="63"/>
  <c r="C305" i="63"/>
  <c r="C306" i="63" s="1"/>
  <c r="D305" i="63"/>
  <c r="D307" i="63" s="1"/>
  <c r="D309" i="63" s="1"/>
  <c r="E305" i="63"/>
  <c r="F305" i="63"/>
  <c r="F306" i="63" s="1"/>
  <c r="F308" i="63" s="1"/>
  <c r="F310" i="63" s="1"/>
  <c r="F311" i="63" s="1"/>
  <c r="F312" i="63" s="1"/>
  <c r="G305" i="63"/>
  <c r="G315" i="63"/>
  <c r="G316" i="63"/>
  <c r="G317" i="63"/>
  <c r="G327" i="63"/>
  <c r="G328" i="63"/>
  <c r="C329" i="63"/>
  <c r="D329" i="63"/>
  <c r="B330" i="63"/>
  <c r="C330" i="63"/>
  <c r="D330" i="63"/>
  <c r="F330" i="63"/>
  <c r="F331" i="63" s="1"/>
  <c r="G330" i="63"/>
  <c r="G331" i="63" s="1"/>
  <c r="B331" i="63"/>
  <c r="C331" i="63"/>
  <c r="D331" i="63"/>
  <c r="E336" i="63"/>
  <c r="F336" i="63"/>
  <c r="E340" i="63"/>
  <c r="F340" i="63"/>
  <c r="G340" i="63"/>
  <c r="E346" i="63"/>
  <c r="G373" i="63"/>
  <c r="F374" i="63"/>
  <c r="G374" i="63"/>
  <c r="F375" i="63"/>
  <c r="G375" i="63"/>
  <c r="F376" i="63"/>
  <c r="F377" i="63"/>
  <c r="F378" i="63"/>
  <c r="F379" i="63"/>
  <c r="F380" i="63"/>
  <c r="F381" i="63"/>
  <c r="F382" i="63"/>
  <c r="F383" i="63"/>
  <c r="F384" i="63"/>
  <c r="F385" i="63"/>
  <c r="G385" i="63"/>
  <c r="F386" i="63"/>
  <c r="F387" i="63"/>
  <c r="F388" i="63"/>
  <c r="F389" i="63"/>
  <c r="F390" i="63"/>
  <c r="F391" i="63"/>
  <c r="F392" i="63"/>
  <c r="F393" i="63"/>
  <c r="G398" i="63"/>
  <c r="G403" i="63"/>
  <c r="G404" i="63"/>
  <c r="E410" i="63"/>
  <c r="E412" i="63"/>
  <c r="E413" i="63" s="1"/>
  <c r="C413" i="63"/>
  <c r="D413" i="63"/>
  <c r="F413" i="63"/>
  <c r="B420" i="63"/>
  <c r="C420" i="63"/>
  <c r="E430" i="63"/>
  <c r="E434" i="63"/>
  <c r="C445" i="63"/>
  <c r="G445" i="63"/>
  <c r="G462" i="63"/>
  <c r="B468" i="63"/>
  <c r="C468" i="63"/>
  <c r="D468" i="63"/>
  <c r="E468" i="63"/>
  <c r="G468" i="63"/>
  <c r="C471" i="63"/>
  <c r="D471" i="63"/>
  <c r="E471" i="63"/>
  <c r="G471" i="63"/>
  <c r="C482" i="63"/>
  <c r="C200" i="63" s="1"/>
  <c r="B484" i="63"/>
  <c r="C484" i="63"/>
  <c r="D484" i="63"/>
  <c r="D485" i="63" s="1"/>
  <c r="E484" i="63"/>
  <c r="E485" i="63" s="1"/>
  <c r="F484" i="63"/>
  <c r="F485" i="63" s="1"/>
  <c r="G484" i="63"/>
  <c r="G485" i="63" s="1"/>
  <c r="C486" i="63"/>
  <c r="B492" i="63"/>
  <c r="C492" i="63"/>
  <c r="E492" i="63"/>
  <c r="F492" i="63"/>
  <c r="C495" i="63"/>
  <c r="C496" i="63"/>
  <c r="E502" i="63"/>
  <c r="C503" i="63"/>
  <c r="E503" i="63"/>
  <c r="E505" i="63"/>
  <c r="C508" i="63"/>
  <c r="G508" i="63"/>
  <c r="C509" i="63"/>
  <c r="E509" i="63"/>
  <c r="C510" i="63"/>
  <c r="C511" i="63"/>
  <c r="C514" i="63"/>
  <c r="F559" i="63"/>
  <c r="F560" i="63"/>
  <c r="F561" i="63"/>
  <c r="F562" i="63"/>
  <c r="F563" i="63"/>
  <c r="F564" i="63"/>
  <c r="F565" i="63"/>
  <c r="F566" i="63"/>
  <c r="F567" i="63"/>
  <c r="F568" i="63"/>
  <c r="F569" i="63"/>
  <c r="F570" i="63"/>
  <c r="F571" i="63"/>
  <c r="F572" i="63"/>
  <c r="F573" i="63"/>
  <c r="F574" i="63"/>
  <c r="F585" i="63" s="1"/>
  <c r="G600" i="63"/>
  <c r="D603" i="63"/>
  <c r="G603" i="63"/>
  <c r="D604" i="63"/>
  <c r="D605" i="63"/>
  <c r="D607" i="63"/>
  <c r="G607" i="63"/>
  <c r="G608" i="63"/>
  <c r="D306" i="63" l="1"/>
  <c r="D308" i="63" s="1"/>
  <c r="D310" i="63" s="1"/>
  <c r="D311" i="63" s="1"/>
  <c r="D312" i="63" s="1"/>
  <c r="E158" i="63"/>
  <c r="F63" i="63"/>
  <c r="F70" i="63" s="1"/>
  <c r="F158" i="63"/>
  <c r="F161" i="63" s="1"/>
  <c r="C485" i="63"/>
  <c r="C202" i="63"/>
  <c r="F73" i="63"/>
  <c r="F69" i="63"/>
  <c r="F60" i="63"/>
  <c r="F59" i="63"/>
  <c r="F589" i="63"/>
  <c r="F147" i="63"/>
  <c r="F148" i="63" s="1"/>
  <c r="F146" i="63"/>
  <c r="F593" i="63"/>
  <c r="F307" i="63"/>
  <c r="F309" i="63" s="1"/>
  <c r="G257" i="63"/>
  <c r="G256" i="63"/>
  <c r="F575" i="63"/>
  <c r="F586" i="63"/>
  <c r="F588" i="63"/>
  <c r="F590" i="63"/>
  <c r="F592" i="63"/>
  <c r="F594" i="63"/>
  <c r="F591" i="63"/>
  <c r="F587" i="63"/>
  <c r="F576" i="63"/>
  <c r="G306" i="63"/>
  <c r="G308" i="63" s="1"/>
  <c r="G310" i="63" s="1"/>
  <c r="G311" i="63" s="1"/>
  <c r="G312" i="63" s="1"/>
  <c r="G307" i="63"/>
  <c r="G309" i="63" s="1"/>
  <c r="E306" i="63"/>
  <c r="E308" i="63" s="1"/>
  <c r="E310" i="63" s="1"/>
  <c r="E311" i="63" s="1"/>
  <c r="E312" i="63" s="1"/>
  <c r="E307" i="63"/>
  <c r="E309" i="63" s="1"/>
  <c r="F256" i="63"/>
  <c r="F257" i="63"/>
  <c r="F72" i="63"/>
  <c r="F68" i="63"/>
  <c r="F66" i="63"/>
  <c r="F74" i="63" s="1"/>
  <c r="F65" i="63" l="1"/>
  <c r="F64" i="63"/>
  <c r="F67" i="63"/>
  <c r="F71" i="63"/>
  <c r="F263" i="63"/>
  <c r="F265" i="63"/>
  <c r="G259" i="63"/>
  <c r="G267" i="63" s="1"/>
  <c r="G261" i="63"/>
  <c r="G258" i="63"/>
  <c r="G266" i="63" s="1"/>
  <c r="G260" i="63"/>
  <c r="G262" i="63"/>
  <c r="F258" i="63"/>
  <c r="F266" i="63" s="1"/>
  <c r="F259" i="63"/>
  <c r="F267" i="63" s="1"/>
  <c r="F260" i="63"/>
  <c r="F261" i="63"/>
  <c r="F262" i="63"/>
  <c r="G263" i="63"/>
  <c r="G265" i="63"/>
  <c r="F270" i="63" l="1"/>
  <c r="F271" i="63"/>
  <c r="F272" i="63"/>
  <c r="G264" i="63"/>
  <c r="G273" i="63"/>
  <c r="F268" i="63"/>
  <c r="F269" i="63"/>
  <c r="F264" i="63"/>
  <c r="F273" i="63"/>
  <c r="G268" i="63"/>
  <c r="G269" i="63"/>
  <c r="G270" i="63"/>
  <c r="G272" i="63"/>
  <c r="G271" i="63"/>
  <c r="G354" i="63" l="1"/>
  <c r="G353" i="63"/>
</calcChain>
</file>

<file path=xl/sharedStrings.xml><?xml version="1.0" encoding="utf-8"?>
<sst xmlns="http://schemas.openxmlformats.org/spreadsheetml/2006/main" count="3189" uniqueCount="1021">
  <si>
    <t>Name</t>
  </si>
  <si>
    <t>Albert Hardiman</t>
  </si>
  <si>
    <t>Eimear Walshe</t>
  </si>
  <si>
    <t>Andrew Monahan</t>
  </si>
  <si>
    <t>Eoin Daly</t>
  </si>
  <si>
    <t>Marie O' Neill</t>
  </si>
  <si>
    <t>Peter O' Riordan</t>
  </si>
  <si>
    <t>Conor Egan</t>
  </si>
  <si>
    <t>Allison O' Flynn</t>
  </si>
  <si>
    <t>Anthony Gardiner</t>
  </si>
  <si>
    <t>Adrian Cole</t>
  </si>
  <si>
    <t>Sean O' Dwyer</t>
  </si>
  <si>
    <t>Anthony McSweeney</t>
  </si>
  <si>
    <t>Sheila Griffin</t>
  </si>
  <si>
    <t>Brian White</t>
  </si>
  <si>
    <t>Niall Harte</t>
  </si>
  <si>
    <t>John Hennessy</t>
  </si>
  <si>
    <t>John Noonan</t>
  </si>
  <si>
    <t>Theresa O Sullivan</t>
  </si>
  <si>
    <t>Darren Rooney</t>
  </si>
  <si>
    <t>Eimear O'Connell</t>
  </si>
  <si>
    <t>Damian White</t>
  </si>
  <si>
    <t>Brigid Hartnett</t>
  </si>
  <si>
    <t>Grainne Duggan</t>
  </si>
  <si>
    <t>Michelle Kelly</t>
  </si>
  <si>
    <t>Grainne Doherty</t>
  </si>
  <si>
    <t>Brenda Healy</t>
  </si>
  <si>
    <t>Sean Rogers</t>
  </si>
  <si>
    <t>Laura Dillon</t>
  </si>
  <si>
    <t>Darren Norman</t>
  </si>
  <si>
    <t xml:space="preserve">Anne Mc Greal </t>
  </si>
  <si>
    <t>Kieran Mc Nicholas</t>
  </si>
  <si>
    <t>Graham Morgan</t>
  </si>
  <si>
    <t>Michael McGrath</t>
  </si>
  <si>
    <t>Aidan Gillespie</t>
  </si>
  <si>
    <t>Niamh Colfer</t>
  </si>
  <si>
    <t>John O'Shea</t>
  </si>
  <si>
    <t>Billy Molloy</t>
  </si>
  <si>
    <t>Angela Murray</t>
  </si>
  <si>
    <t>Marion Power</t>
  </si>
  <si>
    <t>Padraig Nagle</t>
  </si>
  <si>
    <t>Georgina Reilly</t>
  </si>
  <si>
    <t xml:space="preserve">John Long </t>
  </si>
  <si>
    <t>Brian Murphy</t>
  </si>
  <si>
    <t>Donacha Ryan</t>
  </si>
  <si>
    <t>Breege Donnelly</t>
  </si>
  <si>
    <t>Peter Hughes</t>
  </si>
  <si>
    <t>Cian O'Connor</t>
  </si>
  <si>
    <t>Karl McManus</t>
  </si>
  <si>
    <t>Margaret Coyle</t>
  </si>
  <si>
    <t>Brendan Doyle</t>
  </si>
  <si>
    <t>Mark Duffy</t>
  </si>
  <si>
    <t>Jamie Cruise</t>
  </si>
  <si>
    <t>Gary Duffy</t>
  </si>
  <si>
    <t>Barry Curtin</t>
  </si>
  <si>
    <t>Deirdre Gately</t>
  </si>
  <si>
    <t>John Donnelly</t>
  </si>
  <si>
    <t>Noeleen Byrne</t>
  </si>
  <si>
    <t>Keith Plunkett</t>
  </si>
  <si>
    <t>Louise O' Sullivan</t>
  </si>
  <si>
    <t>Robert Grealis</t>
  </si>
  <si>
    <t>David Harte</t>
  </si>
  <si>
    <t>Ronan McNulty</t>
  </si>
  <si>
    <t>Vincent Jennings</t>
  </si>
  <si>
    <t>Aidan Heneghan</t>
  </si>
  <si>
    <t>Patrick Hastings</t>
  </si>
  <si>
    <t>Declan Mulligan</t>
  </si>
  <si>
    <t>Cathal Fitzgerald</t>
  </si>
  <si>
    <t>David Murphy</t>
  </si>
  <si>
    <t>Cormac McAvock</t>
  </si>
  <si>
    <t>Donal Hallinan</t>
  </si>
  <si>
    <t xml:space="preserve">Marcus Flynn </t>
  </si>
  <si>
    <t>Kevin Farrelly</t>
  </si>
  <si>
    <t>Fiona Connell</t>
  </si>
  <si>
    <t>Hugh Rodgers</t>
  </si>
  <si>
    <t>Grainne Ní Fhatharta</t>
  </si>
  <si>
    <t>Alan Regan</t>
  </si>
  <si>
    <t>Declan Murphy</t>
  </si>
  <si>
    <t>Sandra Waldron</t>
  </si>
  <si>
    <t>Lynda Brosnan</t>
  </si>
  <si>
    <t>Sean O'Regan</t>
  </si>
  <si>
    <t>Irene Riordan</t>
  </si>
  <si>
    <t>Diane Collins</t>
  </si>
  <si>
    <t xml:space="preserve">Christopher Fallon </t>
  </si>
  <si>
    <t>Donal Meade</t>
  </si>
  <si>
    <t>Aidan Fitzpatrick</t>
  </si>
  <si>
    <t>Andrew Neill</t>
  </si>
  <si>
    <t>Lisa Mullins</t>
  </si>
  <si>
    <t>Noel Casey</t>
  </si>
  <si>
    <t>Janet Gough</t>
  </si>
  <si>
    <t>Grace Heffernan</t>
  </si>
  <si>
    <t>Sean Buckley</t>
  </si>
  <si>
    <t>Adrian Healy</t>
  </si>
  <si>
    <t>John Cotter</t>
  </si>
  <si>
    <t>Mark Deasy</t>
  </si>
  <si>
    <t>Patrick Morgan</t>
  </si>
  <si>
    <t>Robert Young</t>
  </si>
  <si>
    <t>Paul Howard</t>
  </si>
  <si>
    <t>Paul Connolly</t>
  </si>
  <si>
    <t>Mark McNulty</t>
  </si>
  <si>
    <t>David Reilly</t>
  </si>
  <si>
    <t>Amanda Cunningham</t>
  </si>
  <si>
    <t>Noelle Barrett</t>
  </si>
  <si>
    <t>William Grant</t>
  </si>
  <si>
    <t>Michael Toland</t>
  </si>
  <si>
    <t>James Carty</t>
  </si>
  <si>
    <t>Michelle Murray</t>
  </si>
  <si>
    <t>Barbara Kelly</t>
  </si>
  <si>
    <t>Shane Doody</t>
  </si>
  <si>
    <t>Eamon O Connor</t>
  </si>
  <si>
    <t>Emma Kiernan</t>
  </si>
  <si>
    <t>Angela Keegan</t>
  </si>
  <si>
    <t>Tracy Shanley</t>
  </si>
  <si>
    <t>Sinead Higgins</t>
  </si>
  <si>
    <t>Tevor Hyland</t>
  </si>
  <si>
    <t>Tony Brennan</t>
  </si>
  <si>
    <t>Padhraic Corrigan</t>
  </si>
  <si>
    <t>Karen Martin</t>
  </si>
  <si>
    <t>Ciaran McGovern</t>
  </si>
  <si>
    <t>Caroline  Bruen</t>
  </si>
  <si>
    <t>Ciara Sheehan</t>
  </si>
  <si>
    <t>Enda Devenney</t>
  </si>
  <si>
    <t>Orla McGrath</t>
  </si>
  <si>
    <t>Chris Verling</t>
  </si>
  <si>
    <t>Samantha Meehan</t>
  </si>
  <si>
    <t>Patrick Ahern</t>
  </si>
  <si>
    <t>Diarmuid Bourke</t>
  </si>
  <si>
    <t>Raymond Moloney</t>
  </si>
  <si>
    <t>Gemma Grogan</t>
  </si>
  <si>
    <t>Maureen Finnerty</t>
  </si>
  <si>
    <t>Mark Gavin</t>
  </si>
  <si>
    <t>Ronan O Callaghan</t>
  </si>
  <si>
    <t>Fergal O Callaghan</t>
  </si>
  <si>
    <t>Neil Donellan</t>
  </si>
  <si>
    <t>Brian Keane</t>
  </si>
  <si>
    <t>Richenda Sinnott</t>
  </si>
  <si>
    <t>Catherine Keogh</t>
  </si>
  <si>
    <t>Dave Fitzgerald</t>
  </si>
  <si>
    <t>Jamie Jordan</t>
  </si>
  <si>
    <t>Linda Murphy</t>
  </si>
  <si>
    <t>John Fitzpatrick</t>
  </si>
  <si>
    <t>Deirdre Murphy</t>
  </si>
  <si>
    <t>Maria Curtis</t>
  </si>
  <si>
    <t>Deming Gao</t>
  </si>
  <si>
    <t>Molly Corbett</t>
  </si>
  <si>
    <t>Brian Flavin</t>
  </si>
  <si>
    <t>Rank</t>
  </si>
  <si>
    <t>Sergeant</t>
  </si>
  <si>
    <t>Garda</t>
  </si>
  <si>
    <t xml:space="preserve">Garda </t>
  </si>
  <si>
    <t xml:space="preserve">Sergeant </t>
  </si>
  <si>
    <t>Station</t>
  </si>
  <si>
    <t>Ennis</t>
  </si>
  <si>
    <t>Killaloe</t>
  </si>
  <si>
    <t>Corofin</t>
  </si>
  <si>
    <t>Kilrush</t>
  </si>
  <si>
    <t>Togher</t>
  </si>
  <si>
    <t>Watercourse Road</t>
  </si>
  <si>
    <t>Bridewell</t>
  </si>
  <si>
    <t>Blackrock</t>
  </si>
  <si>
    <t>Mayfield</t>
  </si>
  <si>
    <t>Glanmire</t>
  </si>
  <si>
    <t>Gurranabraher</t>
  </si>
  <si>
    <t>Blarney</t>
  </si>
  <si>
    <t>Ballincollig</t>
  </si>
  <si>
    <t>Bishopstown</t>
  </si>
  <si>
    <t>Fermoy</t>
  </si>
  <si>
    <t>Mitchelstown</t>
  </si>
  <si>
    <t>Kanturk</t>
  </si>
  <si>
    <t>Mallow</t>
  </si>
  <si>
    <t>Charleville</t>
  </si>
  <si>
    <t>Macroom</t>
  </si>
  <si>
    <t>Bandon</t>
  </si>
  <si>
    <t>Bantry</t>
  </si>
  <si>
    <t>Clonakilty</t>
  </si>
  <si>
    <t>Letterkenny</t>
  </si>
  <si>
    <t>Ballybofey</t>
  </si>
  <si>
    <t>Ballyshannon</t>
  </si>
  <si>
    <t>Bundoran</t>
  </si>
  <si>
    <t>Carndonagh</t>
  </si>
  <si>
    <t>Buncrana</t>
  </si>
  <si>
    <t>An Fál Carrach</t>
  </si>
  <si>
    <t>Milford</t>
  </si>
  <si>
    <t>Cabinteely</t>
  </si>
  <si>
    <t>Dún Laoghaire</t>
  </si>
  <si>
    <t>Clontarf</t>
  </si>
  <si>
    <t>Raheny</t>
  </si>
  <si>
    <t>Howth</t>
  </si>
  <si>
    <t>Balbriggan</t>
  </si>
  <si>
    <t>Lusk</t>
  </si>
  <si>
    <t>Coolock</t>
  </si>
  <si>
    <t>Swords</t>
  </si>
  <si>
    <t>Mountjoy</t>
  </si>
  <si>
    <t xml:space="preserve">Store Street </t>
  </si>
  <si>
    <t>Tallaght</t>
  </si>
  <si>
    <t>Crumlin</t>
  </si>
  <si>
    <t>Terenure</t>
  </si>
  <si>
    <t>Rathmines</t>
  </si>
  <si>
    <t>Kevin Street</t>
  </si>
  <si>
    <t>Kilmainham</t>
  </si>
  <si>
    <t>Donnybrook</t>
  </si>
  <si>
    <t>Pearse Street</t>
  </si>
  <si>
    <t>Blanchardstown</t>
  </si>
  <si>
    <t>Finglas</t>
  </si>
  <si>
    <t xml:space="preserve">Clondalkin </t>
  </si>
  <si>
    <t>Gort</t>
  </si>
  <si>
    <t>Salthill</t>
  </si>
  <si>
    <t>Ballinasloe</t>
  </si>
  <si>
    <t>Tuam</t>
  </si>
  <si>
    <t>Galway</t>
  </si>
  <si>
    <t>Loughrea</t>
  </si>
  <si>
    <t>Clifden</t>
  </si>
  <si>
    <t>Tralee</t>
  </si>
  <si>
    <t>Kenmare</t>
  </si>
  <si>
    <t>Killarney</t>
  </si>
  <si>
    <t>Caherciveen</t>
  </si>
  <si>
    <t>Newbridge</t>
  </si>
  <si>
    <t>Naas</t>
  </si>
  <si>
    <t>Leixlip</t>
  </si>
  <si>
    <t>Kildare</t>
  </si>
  <si>
    <t>Kilkenny</t>
  </si>
  <si>
    <t>Birr</t>
  </si>
  <si>
    <t>Roxboro Road</t>
  </si>
  <si>
    <t>Ardnacrusha</t>
  </si>
  <si>
    <t>Henry Street</t>
  </si>
  <si>
    <t>Abbeyfeale</t>
  </si>
  <si>
    <t>Kilmallock</t>
  </si>
  <si>
    <t>Dundalk</t>
  </si>
  <si>
    <t>Drogheda</t>
  </si>
  <si>
    <t>Ballina</t>
  </si>
  <si>
    <t>Bangor Erris</t>
  </si>
  <si>
    <t>Balla</t>
  </si>
  <si>
    <t>Castlebar</t>
  </si>
  <si>
    <t>Claremorris</t>
  </si>
  <si>
    <t>Ballyhaunis</t>
  </si>
  <si>
    <t>Ashbourne</t>
  </si>
  <si>
    <t>Navan</t>
  </si>
  <si>
    <t>Trim</t>
  </si>
  <si>
    <t>Longford</t>
  </si>
  <si>
    <t>Ballymahon</t>
  </si>
  <si>
    <t>Granard</t>
  </si>
  <si>
    <t>Castlerea</t>
  </si>
  <si>
    <t>Ballaghaderreen</t>
  </si>
  <si>
    <t>Ballymote</t>
  </si>
  <si>
    <t>Manorhamilton</t>
  </si>
  <si>
    <t>Sligo</t>
  </si>
  <si>
    <t>Drumshanbo</t>
  </si>
  <si>
    <t>Thurles</t>
  </si>
  <si>
    <t>Tipperary</t>
  </si>
  <si>
    <t>Clonmel</t>
  </si>
  <si>
    <t>Nenagh</t>
  </si>
  <si>
    <t>Tramore</t>
  </si>
  <si>
    <t>Dungarvan</t>
  </si>
  <si>
    <t>Ballymacarbery</t>
  </si>
  <si>
    <t>Waterford</t>
  </si>
  <si>
    <t>Mullingar</t>
  </si>
  <si>
    <t>Athlone</t>
  </si>
  <si>
    <t>Enniscorthy</t>
  </si>
  <si>
    <t>Wexford</t>
  </si>
  <si>
    <t>New Ross</t>
  </si>
  <si>
    <t>Wicklow</t>
  </si>
  <si>
    <t>Bray</t>
  </si>
  <si>
    <t>Greystones</t>
  </si>
  <si>
    <t>Baltinglass</t>
  </si>
  <si>
    <t>District</t>
  </si>
  <si>
    <t xml:space="preserve">Fermoy </t>
  </si>
  <si>
    <t>Ballymun</t>
  </si>
  <si>
    <t>Portlaoise</t>
  </si>
  <si>
    <t>Bruff</t>
  </si>
  <si>
    <t>Meath</t>
  </si>
  <si>
    <t>Leitrim</t>
  </si>
  <si>
    <t xml:space="preserve">Tipperary </t>
  </si>
  <si>
    <t>Division</t>
  </si>
  <si>
    <t>Cork City</t>
  </si>
  <si>
    <t>DMR East</t>
  </si>
  <si>
    <t>DMR North</t>
  </si>
  <si>
    <t>DMR North Central</t>
  </si>
  <si>
    <t>DMR South</t>
  </si>
  <si>
    <t>DMR South Central</t>
  </si>
  <si>
    <t>DMR West</t>
  </si>
  <si>
    <t>Kerry</t>
  </si>
  <si>
    <t>Limerick</t>
  </si>
  <si>
    <t>Contact Number</t>
  </si>
  <si>
    <t>(061) 620540</t>
  </si>
  <si>
    <t>(065) 6837622</t>
  </si>
  <si>
    <t>(065) 9080550</t>
  </si>
  <si>
    <t>(021) 4522000</t>
  </si>
  <si>
    <t>(021) 494 7120</t>
  </si>
  <si>
    <t>Owen O'Mahony</t>
  </si>
  <si>
    <t>Enda O Dwyer</t>
  </si>
  <si>
    <t>(021) 4558260</t>
  </si>
  <si>
    <t>Lorraine O Donovan</t>
  </si>
  <si>
    <t>(021) 4943330</t>
  </si>
  <si>
    <t>(021) 455 8510</t>
  </si>
  <si>
    <t>Jacqueline White</t>
  </si>
  <si>
    <t>Gerard Fitzgerald</t>
  </si>
  <si>
    <t>(021) 4516290</t>
  </si>
  <si>
    <t>(021) 4214680</t>
  </si>
  <si>
    <t>(025) 82100</t>
  </si>
  <si>
    <t>(025) 84833</t>
  </si>
  <si>
    <t>(029) 20680</t>
  </si>
  <si>
    <t>(063) 21770</t>
  </si>
  <si>
    <t>(023) 8852200</t>
  </si>
  <si>
    <t>(027) 20860</t>
  </si>
  <si>
    <t>William Ryan</t>
  </si>
  <si>
    <t>(023) 8821570</t>
  </si>
  <si>
    <t>(074) 9167100</t>
  </si>
  <si>
    <t>(074) 9137740</t>
  </si>
  <si>
    <t>(071) 9858530</t>
  </si>
  <si>
    <t>(071) 9841203</t>
  </si>
  <si>
    <t>(074) 9374109</t>
  </si>
  <si>
    <t>(074) 9320540</t>
  </si>
  <si>
    <t>(074) 9135113</t>
  </si>
  <si>
    <t>(01) 6665200</t>
  </si>
  <si>
    <t>(01) 6665400</t>
  </si>
  <si>
    <t>(01) 6665000</t>
  </si>
  <si>
    <t>(01) 6664800</t>
  </si>
  <si>
    <t>(01) 6664900</t>
  </si>
  <si>
    <t>(01) 8020510</t>
  </si>
  <si>
    <t>(01) 8437222</t>
  </si>
  <si>
    <t>(01) 6664400</t>
  </si>
  <si>
    <t>(01) 6664700</t>
  </si>
  <si>
    <t>(01) 6668200</t>
  </si>
  <si>
    <t>(01) 6668600</t>
  </si>
  <si>
    <t>(01) 6668000</t>
  </si>
  <si>
    <t>(01) 6666000</t>
  </si>
  <si>
    <t>(01) 6666200</t>
  </si>
  <si>
    <t>(01) 6666700</t>
  </si>
  <si>
    <t>(01) 6669400</t>
  </si>
  <si>
    <t>(01) 6669600</t>
  </si>
  <si>
    <t>(01) 6669200</t>
  </si>
  <si>
    <t>(01) 6669000</t>
  </si>
  <si>
    <t>(01) 6667000</t>
  </si>
  <si>
    <t>Clare Burke</t>
  </si>
  <si>
    <t>(091) 514720</t>
  </si>
  <si>
    <t>(090) 9631890</t>
  </si>
  <si>
    <t>(093) 70840</t>
  </si>
  <si>
    <t>(091) 538000</t>
  </si>
  <si>
    <t>(091) 842870</t>
  </si>
  <si>
    <t>(095) 22500</t>
  </si>
  <si>
    <t>(066) 7102300</t>
  </si>
  <si>
    <t>(066) 7141204</t>
  </si>
  <si>
    <t>(064) 6641177</t>
  </si>
  <si>
    <t xml:space="preserve">(066) 9473600  </t>
  </si>
  <si>
    <t>(064) 6671160</t>
  </si>
  <si>
    <t>(045) 431212</t>
  </si>
  <si>
    <t>(045) 884300</t>
  </si>
  <si>
    <t>(01) 6667800</t>
  </si>
  <si>
    <t>(045) 527730</t>
  </si>
  <si>
    <t>(056) 7775000</t>
  </si>
  <si>
    <t>(057) 9169710</t>
  </si>
  <si>
    <t>(061) 214340</t>
  </si>
  <si>
    <t>(068) 30010</t>
  </si>
  <si>
    <t>(063) 98018</t>
  </si>
  <si>
    <t>(042) 9388400</t>
  </si>
  <si>
    <t>(041) 9874200</t>
  </si>
  <si>
    <t>(096) 20560</t>
  </si>
  <si>
    <t>(097) 83462</t>
  </si>
  <si>
    <t>(094) 9365002</t>
  </si>
  <si>
    <t>(094) 9038200</t>
  </si>
  <si>
    <t>(094) 9372080</t>
  </si>
  <si>
    <t>(094) 9630008</t>
  </si>
  <si>
    <t>Francis Scully</t>
  </si>
  <si>
    <t>(046) 9481540</t>
  </si>
  <si>
    <t>(043) 3350570</t>
  </si>
  <si>
    <t>(090) 6432303</t>
  </si>
  <si>
    <t>(043) 6687660</t>
  </si>
  <si>
    <t>(094) 9860002</t>
  </si>
  <si>
    <t>Carrick-on-Shannon</t>
  </si>
  <si>
    <t>(071) 9189500</t>
  </si>
  <si>
    <t>(071) 9650510</t>
  </si>
  <si>
    <t>(071) 9820620</t>
  </si>
  <si>
    <t>(071) 9157000</t>
  </si>
  <si>
    <t>(071) 9641002</t>
  </si>
  <si>
    <t>(062) 80670</t>
  </si>
  <si>
    <t>(052) 6177640</t>
  </si>
  <si>
    <t>(067) 50450</t>
  </si>
  <si>
    <t>(051) 391620</t>
  </si>
  <si>
    <t>(058) 48600</t>
  </si>
  <si>
    <t>(052) 6136100 </t>
  </si>
  <si>
    <t>(044) 9384000</t>
  </si>
  <si>
    <t>(090) 6498550</t>
  </si>
  <si>
    <t>(053) 916 5200</t>
  </si>
  <si>
    <t>(0404) 60140</t>
  </si>
  <si>
    <t>(01) 6665300</t>
  </si>
  <si>
    <t>(01) 6665800</t>
  </si>
  <si>
    <t>(059) 6482610</t>
  </si>
  <si>
    <t>Darryl Scanlon</t>
  </si>
  <si>
    <t>Bridget O'Donoghue</t>
  </si>
  <si>
    <t>Josephine Kirrane</t>
  </si>
  <si>
    <t>Edward Wilde</t>
  </si>
  <si>
    <t>Tomas Hurley</t>
  </si>
  <si>
    <t>No.</t>
  </si>
  <si>
    <t>Gerard Naughton</t>
  </si>
  <si>
    <t>Margaret O Sullivan</t>
  </si>
  <si>
    <t>Enda Gallagher</t>
  </si>
  <si>
    <t>David Prendergast</t>
  </si>
  <si>
    <t>Shane Smyth</t>
  </si>
  <si>
    <t>Jennifer Carrick</t>
  </si>
  <si>
    <t>Rebecca McGowan</t>
  </si>
  <si>
    <t>David Butler</t>
  </si>
  <si>
    <t>Finbar O'Sullivan</t>
  </si>
  <si>
    <t>Damien Griffith</t>
  </si>
  <si>
    <t>David Comer</t>
  </si>
  <si>
    <t>Terri Ferguson</t>
  </si>
  <si>
    <t>Jonh Scully</t>
  </si>
  <si>
    <t>Brian Burns</t>
  </si>
  <si>
    <t>Arklow</t>
  </si>
  <si>
    <t>(0402) 32304</t>
  </si>
  <si>
    <t>Paschal Carley</t>
  </si>
  <si>
    <t>Monasterevin</t>
  </si>
  <si>
    <t>Josephine Dowling</t>
  </si>
  <si>
    <t>Santry</t>
  </si>
  <si>
    <t>Kevin Fitzpatrick</t>
  </si>
  <si>
    <t>Patrick Phelan</t>
  </si>
  <si>
    <t>Áine Watkins</t>
  </si>
  <si>
    <t>Andrew Burlingham</t>
  </si>
  <si>
    <t>Stephen O'Brien</t>
  </si>
  <si>
    <t>Glenn Farrell</t>
  </si>
  <si>
    <t>Leona Bellew</t>
  </si>
  <si>
    <t>Karen Baxter</t>
  </si>
  <si>
    <t>Niamh Corrigan</t>
  </si>
  <si>
    <t>Shirley Flood</t>
  </si>
  <si>
    <t>Pamela Davis</t>
  </si>
  <si>
    <t>David Clifford</t>
  </si>
  <si>
    <t>Cabra</t>
  </si>
  <si>
    <t>(01) 6667400</t>
  </si>
  <si>
    <t>Anthony Keating</t>
  </si>
  <si>
    <t>Mark McKenna</t>
  </si>
  <si>
    <t>Tim McCallion</t>
  </si>
  <si>
    <t>Robert O Rourke</t>
  </si>
  <si>
    <t>Mick Walsh</t>
  </si>
  <si>
    <t>Rebecca O Sullivan</t>
  </si>
  <si>
    <t>Susan Malone</t>
  </si>
  <si>
    <t>Andrea Furlong</t>
  </si>
  <si>
    <t>Cathal Kelly</t>
  </si>
  <si>
    <t>James Keegan</t>
  </si>
  <si>
    <t>Mark Scanlan</t>
  </si>
  <si>
    <t>Karl O'Reilly</t>
  </si>
  <si>
    <t>Katie Lavelle</t>
  </si>
  <si>
    <t>Gavin Moran</t>
  </si>
  <si>
    <t>(01) 6664000</t>
  </si>
  <si>
    <t>Caitriona Hennessy</t>
  </si>
  <si>
    <t>Ke Sheng</t>
  </si>
  <si>
    <t>Laura Murphy</t>
  </si>
  <si>
    <t>Shauna Naughton</t>
  </si>
  <si>
    <t>Bernard Keyes</t>
  </si>
  <si>
    <t>Colin Miley</t>
  </si>
  <si>
    <t>Ann Meenagh</t>
  </si>
  <si>
    <t>Gavin Fleet</t>
  </si>
  <si>
    <t>Stepaside</t>
  </si>
  <si>
    <t>Rosemarie Clancy</t>
  </si>
  <si>
    <t>(01) 6665700</t>
  </si>
  <si>
    <t>James McDonnell</t>
  </si>
  <si>
    <t>Dundrum</t>
  </si>
  <si>
    <t>Shauna Byrne</t>
  </si>
  <si>
    <t>(021) 4556370</t>
  </si>
  <si>
    <t>Robert Kavanagh</t>
  </si>
  <si>
    <t>Daire O'Neill</t>
  </si>
  <si>
    <t>Darren Farrelly</t>
  </si>
  <si>
    <t>Abbeyleix</t>
  </si>
  <si>
    <t>(057) 8730580</t>
  </si>
  <si>
    <t>John Dunne</t>
  </si>
  <si>
    <t>Brian Carroll</t>
  </si>
  <si>
    <t>Sheila Tuohy</t>
  </si>
  <si>
    <t>Lisa Sewell</t>
  </si>
  <si>
    <t>Martin McHale</t>
  </si>
  <si>
    <t>Tony Lavin</t>
  </si>
  <si>
    <t>Tara Lyons</t>
  </si>
  <si>
    <t>Tara Darcy</t>
  </si>
  <si>
    <t>Conor Jordan</t>
  </si>
  <si>
    <t>Martha Carter</t>
  </si>
  <si>
    <t>Mark Connor</t>
  </si>
  <si>
    <t>Kieran Kilkenny</t>
  </si>
  <si>
    <t>Kevin Costello</t>
  </si>
  <si>
    <t>David Clarke</t>
  </si>
  <si>
    <t>Cian Erraught</t>
  </si>
  <si>
    <t>Carl Van Rensburg</t>
  </si>
  <si>
    <t>Tubbercurry</t>
  </si>
  <si>
    <t>(071) 9185002</t>
  </si>
  <si>
    <t>John Walsh</t>
  </si>
  <si>
    <t>Liam Ward</t>
  </si>
  <si>
    <t>Damien Guckian</t>
  </si>
  <si>
    <t>Clement Cunniffe</t>
  </si>
  <si>
    <t>Paula O'Dowd</t>
  </si>
  <si>
    <t>Declan Conway</t>
  </si>
  <si>
    <t>Frances Gilmurray</t>
  </si>
  <si>
    <t>Albert McHale</t>
  </si>
  <si>
    <t>Dora Treacy</t>
  </si>
  <si>
    <t>(045) 525322</t>
  </si>
  <si>
    <t>Cashel</t>
  </si>
  <si>
    <t>(062) 75840</t>
  </si>
  <si>
    <t>Holycross</t>
  </si>
  <si>
    <t>(0504) 43222</t>
  </si>
  <si>
    <t>Anna Gorry</t>
  </si>
  <si>
    <t>Megan Murphy</t>
  </si>
  <si>
    <t>Helen O Callaghan</t>
  </si>
  <si>
    <t>Midleton</t>
  </si>
  <si>
    <t>Eddie Crockett</t>
  </si>
  <si>
    <t>(021) 462 1550</t>
  </si>
  <si>
    <t>Cobh</t>
  </si>
  <si>
    <t xml:space="preserve">Douglas </t>
  </si>
  <si>
    <t>(021) 4857670</t>
  </si>
  <si>
    <t>Jill Archer</t>
  </si>
  <si>
    <t>Declan Brady</t>
  </si>
  <si>
    <t>Rachel Copperthwaite</t>
  </si>
  <si>
    <t>Emer Farrelly</t>
  </si>
  <si>
    <t>Leon Fox</t>
  </si>
  <si>
    <t>Eimear Gallagher</t>
  </si>
  <si>
    <t>Gretta Kavanagh</t>
  </si>
  <si>
    <t>Eve McCrystal</t>
  </si>
  <si>
    <t>Ardee</t>
  </si>
  <si>
    <t>(041) 6871130</t>
  </si>
  <si>
    <t>Joanna O’Rourke</t>
  </si>
  <si>
    <t>Darragh Prior</t>
  </si>
  <si>
    <t>Susan Rooney</t>
  </si>
  <si>
    <t>Castlebellingham</t>
  </si>
  <si>
    <t>(042) 9372205</t>
  </si>
  <si>
    <t>Catherine Smyth</t>
  </si>
  <si>
    <t>Paul Burke</t>
  </si>
  <si>
    <t>Laura Hennessy</t>
  </si>
  <si>
    <t>Lisa Tuohy</t>
  </si>
  <si>
    <t>Chloe McGuinness</t>
  </si>
  <si>
    <t>(057) 8674100</t>
  </si>
  <si>
    <t>Therese Keoghan</t>
  </si>
  <si>
    <t>Sarah McInerney</t>
  </si>
  <si>
    <t>Angela O'Connor</t>
  </si>
  <si>
    <t>Cristopher Ward</t>
  </si>
  <si>
    <t>Tullamore</t>
  </si>
  <si>
    <t>Orla Nolan</t>
  </si>
  <si>
    <t>(057) 9327600</t>
  </si>
  <si>
    <t>Carlow</t>
  </si>
  <si>
    <t>(059) 9136620</t>
  </si>
  <si>
    <t>Essmay Murphy</t>
  </si>
  <si>
    <t>Daniel Donoghue</t>
  </si>
  <si>
    <t>Sean Murphy</t>
  </si>
  <si>
    <t>Brendan Duke</t>
  </si>
  <si>
    <t>Alex O'Hanlon</t>
  </si>
  <si>
    <t>Cristian Dorneanu</t>
  </si>
  <si>
    <t>Sinead Byrne</t>
  </si>
  <si>
    <t>Kevin Burke</t>
  </si>
  <si>
    <t>(051) 426030</t>
  </si>
  <si>
    <t>Shearon Bolger</t>
  </si>
  <si>
    <t>Patrick O'Brien</t>
  </si>
  <si>
    <t>Marcela Jakobczak</t>
  </si>
  <si>
    <t>Elizabeth Fitzgerald</t>
  </si>
  <si>
    <t>(074) 9531333</t>
  </si>
  <si>
    <t>(074) 9156113</t>
  </si>
  <si>
    <t xml:space="preserve">Letterkenny </t>
  </si>
  <si>
    <t>Alan Murphy</t>
  </si>
  <si>
    <t>James Muldowney</t>
  </si>
  <si>
    <t>Marc Connolly</t>
  </si>
  <si>
    <t>Celbridge</t>
  </si>
  <si>
    <t>Kilcock</t>
  </si>
  <si>
    <t>(01) 6757390</t>
  </si>
  <si>
    <t>Leonard Donlon</t>
  </si>
  <si>
    <t>Keith Heffernan</t>
  </si>
  <si>
    <t>Aisling McCool</t>
  </si>
  <si>
    <t>Ronan Fahy</t>
  </si>
  <si>
    <t>Daniel Troy</t>
  </si>
  <si>
    <t>Deirdre Semple</t>
  </si>
  <si>
    <t>Meave Gallagher</t>
  </si>
  <si>
    <t>Fearghal Harkin</t>
  </si>
  <si>
    <t>Fiona Kerr</t>
  </si>
  <si>
    <t>Kara Melia</t>
  </si>
  <si>
    <t>Elaine Long</t>
  </si>
  <si>
    <t>Kells</t>
  </si>
  <si>
    <t>(046) 9280820</t>
  </si>
  <si>
    <t>Sandra Christie</t>
  </si>
  <si>
    <t>Edel Dugdale</t>
  </si>
  <si>
    <t>Darren Conlon</t>
  </si>
  <si>
    <t>Anthony Scanlon</t>
  </si>
  <si>
    <t>Colm Satchwell</t>
  </si>
  <si>
    <t>Geraldine Heneghan</t>
  </si>
  <si>
    <t>Caroline Keogh</t>
  </si>
  <si>
    <t>Ronan O'Meara</t>
  </si>
  <si>
    <t>Roscommon</t>
  </si>
  <si>
    <t>(090) 6638300</t>
  </si>
  <si>
    <t>Gavin Brennan</t>
  </si>
  <si>
    <t>Shane Kelliher</t>
  </si>
  <si>
    <t>Niall Brennan</t>
  </si>
  <si>
    <t xml:space="preserve">Boyle </t>
  </si>
  <si>
    <t>(071) 9664620</t>
  </si>
  <si>
    <t>Damian Connaughton</t>
  </si>
  <si>
    <t>Kieran Dempsey</t>
  </si>
  <si>
    <t>Aileen O'Connor</t>
  </si>
  <si>
    <t>Fitzgibbon Street</t>
  </si>
  <si>
    <t>Kathryn Canty</t>
  </si>
  <si>
    <t>Dongdong Zheng</t>
  </si>
  <si>
    <t>Mateusz Ferenc</t>
  </si>
  <si>
    <t>Carol Ward</t>
  </si>
  <si>
    <t>Owen Miller</t>
  </si>
  <si>
    <t>(053) 9165200</t>
  </si>
  <si>
    <t>Peter Ennis</t>
  </si>
  <si>
    <t>(021) 4624500</t>
  </si>
  <si>
    <t>Padraic Syron</t>
  </si>
  <si>
    <t>(050) 425100</t>
  </si>
  <si>
    <t>Jennifer Hughes</t>
  </si>
  <si>
    <t>James Mangan</t>
  </si>
  <si>
    <t>Mountrath</t>
  </si>
  <si>
    <t>(057) 8732236</t>
  </si>
  <si>
    <t>Mountmellick</t>
  </si>
  <si>
    <t>CORK CITY</t>
  </si>
  <si>
    <t>(021) 4946200</t>
  </si>
  <si>
    <t>GALWAY</t>
  </si>
  <si>
    <t>KERRY</t>
  </si>
  <si>
    <t>LIMERICK</t>
  </si>
  <si>
    <t>Paul Daly</t>
  </si>
  <si>
    <t>North Western Region HQ</t>
  </si>
  <si>
    <t>(091) 388030</t>
  </si>
  <si>
    <t>Leacht Seoirse</t>
  </si>
  <si>
    <t>(091) 337212</t>
  </si>
  <si>
    <t>Aidan O Mahony</t>
  </si>
  <si>
    <t>Maurice O Brien</t>
  </si>
  <si>
    <t>Emma Clerkin</t>
  </si>
  <si>
    <t>Castleisland</t>
  </si>
  <si>
    <t>Eamon Prendiville</t>
  </si>
  <si>
    <t>Killorglin</t>
  </si>
  <si>
    <t>(066) 9790500</t>
  </si>
  <si>
    <t>Declan Mc Donagh</t>
  </si>
  <si>
    <t>Listowel</t>
  </si>
  <si>
    <t>(068) 50820</t>
  </si>
  <si>
    <t>Diarmuid O Brien</t>
  </si>
  <si>
    <t xml:space="preserve">Kerry </t>
  </si>
  <si>
    <t>Edenderry</t>
  </si>
  <si>
    <t>(046) 9731290</t>
  </si>
  <si>
    <t xml:space="preserve">Denis McCarthy </t>
  </si>
  <si>
    <t>Athea</t>
  </si>
  <si>
    <t>(068) 42102</t>
  </si>
  <si>
    <t>(061) 382940</t>
  </si>
  <si>
    <t>David Baynham</t>
  </si>
  <si>
    <t xml:space="preserve">Limerick City North </t>
  </si>
  <si>
    <t xml:space="preserve">Sheila Fitzgerald </t>
  </si>
  <si>
    <t>Sinead Galvin</t>
  </si>
  <si>
    <t>(061) 345137</t>
  </si>
  <si>
    <t>Brian Begley</t>
  </si>
  <si>
    <t xml:space="preserve">Galway County East </t>
  </si>
  <si>
    <t xml:space="preserve">Galway City </t>
  </si>
  <si>
    <t xml:space="preserve">Galway County West </t>
  </si>
  <si>
    <t xml:space="preserve">Castlebar/Westport </t>
  </si>
  <si>
    <t xml:space="preserve">Ballina/Belmullet </t>
  </si>
  <si>
    <t xml:space="preserve">Claremorris </t>
  </si>
  <si>
    <t>An Charraig</t>
  </si>
  <si>
    <t>(074) 9739002</t>
  </si>
  <si>
    <t>An Bun Beag</t>
  </si>
  <si>
    <t>Rory O' Brien</t>
  </si>
  <si>
    <t>Thomas Pierce</t>
  </si>
  <si>
    <t>Dun Laoghaire</t>
  </si>
  <si>
    <t>Cork City Centre</t>
  </si>
  <si>
    <t>Cork City North</t>
  </si>
  <si>
    <t>Cork City South</t>
  </si>
  <si>
    <t>Laura Kelly Mallen</t>
  </si>
  <si>
    <t>Michael Costello</t>
  </si>
  <si>
    <t>Thomas Dilleen</t>
  </si>
  <si>
    <t>Sundrive Road</t>
  </si>
  <si>
    <t>Darren Sexton</t>
  </si>
  <si>
    <t>Robert Rasmussen</t>
  </si>
  <si>
    <t>CLARE / TIPPERARY</t>
  </si>
  <si>
    <t>WEXFORD / WICKLOW</t>
  </si>
  <si>
    <t>Wexford / Wicklow</t>
  </si>
  <si>
    <t>Cavan/Monaghan/Louth</t>
  </si>
  <si>
    <t>Clare / Tipperary</t>
  </si>
  <si>
    <t>MAYO / ROSCOMMON / LONGFORD</t>
  </si>
  <si>
    <t xml:space="preserve">MEATH / WESTMEATH </t>
  </si>
  <si>
    <t xml:space="preserve">Meath / Westmeath </t>
  </si>
  <si>
    <t>Kathleen Griffin</t>
  </si>
  <si>
    <t>Damien Desmond</t>
  </si>
  <si>
    <t>Laura O Connor</t>
  </si>
  <si>
    <t>Agnieska Midura</t>
  </si>
  <si>
    <t>Grainne McCarthy</t>
  </si>
  <si>
    <t>Aoife Walsh</t>
  </si>
  <si>
    <t>Ger O' Donovan</t>
  </si>
  <si>
    <t>Frances Murphy</t>
  </si>
  <si>
    <t>James Masters</t>
  </si>
  <si>
    <t>Wayne Cronin</t>
  </si>
  <si>
    <t>Michael David Kelly</t>
  </si>
  <si>
    <t>Kinsale</t>
  </si>
  <si>
    <t>Oonagh Collins</t>
  </si>
  <si>
    <t>Tom Mulcahy</t>
  </si>
  <si>
    <t>John Fitzgerald</t>
  </si>
  <si>
    <t>P J McHugh</t>
  </si>
  <si>
    <t>An Clochán Liath</t>
  </si>
  <si>
    <t>(074) 9521000</t>
  </si>
  <si>
    <t>Ger Hardiman</t>
  </si>
  <si>
    <t xml:space="preserve">Fintan Smith </t>
  </si>
  <si>
    <t xml:space="preserve">Ballybofey </t>
  </si>
  <si>
    <t>Joe Doherty</t>
  </si>
  <si>
    <t xml:space="preserve">Newtowncunningham </t>
  </si>
  <si>
    <t>Caroline Meehan</t>
  </si>
  <si>
    <t xml:space="preserve">Ballyshannon </t>
  </si>
  <si>
    <t>Paul White</t>
  </si>
  <si>
    <t>Anna McGranaghan</t>
  </si>
  <si>
    <t xml:space="preserve">Milford </t>
  </si>
  <si>
    <t xml:space="preserve">Mark Dorrian </t>
  </si>
  <si>
    <t>Gerard Mc Gee</t>
  </si>
  <si>
    <t>Peter O' Donnell</t>
  </si>
  <si>
    <t>John Malone</t>
  </si>
  <si>
    <t>Killybegs</t>
  </si>
  <si>
    <t>(074) 9731002</t>
  </si>
  <si>
    <t>Dermot Walsh</t>
  </si>
  <si>
    <t>Conor Mulkerns</t>
  </si>
  <si>
    <t>Michael Martin</t>
  </si>
  <si>
    <t>Peter Nolan</t>
  </si>
  <si>
    <t>D/Garda</t>
  </si>
  <si>
    <t>Limerick County</t>
  </si>
  <si>
    <t>Limerick City South</t>
  </si>
  <si>
    <t>Daryl Tubridy</t>
  </si>
  <si>
    <t>(01) 6664720</t>
  </si>
  <si>
    <t>Dublin Airport</t>
  </si>
  <si>
    <t>Lucan</t>
  </si>
  <si>
    <t>(01) 6667300</t>
  </si>
  <si>
    <t>Aveline Duffy</t>
  </si>
  <si>
    <t>Cavan</t>
  </si>
  <si>
    <t>(049) 4368800</t>
  </si>
  <si>
    <t>Seamus Herron</t>
  </si>
  <si>
    <t>Christine Gallagher</t>
  </si>
  <si>
    <t>Frank Ronayne</t>
  </si>
  <si>
    <t>Cootehill</t>
  </si>
  <si>
    <t>Bailieboro</t>
  </si>
  <si>
    <t>Sean Daly</t>
  </si>
  <si>
    <t>Monaghan</t>
  </si>
  <si>
    <t>(047) 87222</t>
  </si>
  <si>
    <t>Stella Feeney</t>
  </si>
  <si>
    <t>(047) 77200</t>
  </si>
  <si>
    <t>Fiona Callan</t>
  </si>
  <si>
    <t>Carrickmacross</t>
  </si>
  <si>
    <t>(042) 969 0190</t>
  </si>
  <si>
    <t>Tracy Donaghy</t>
  </si>
  <si>
    <t>Castleblayney</t>
  </si>
  <si>
    <t>James Gallagher</t>
  </si>
  <si>
    <t>(042) 9747900</t>
  </si>
  <si>
    <t>Darren Mullin</t>
  </si>
  <si>
    <t>Edward Sheppard</t>
  </si>
  <si>
    <t>Emyvale</t>
  </si>
  <si>
    <t>Emma Brady</t>
  </si>
  <si>
    <t>Gerard Hanahoe</t>
  </si>
  <si>
    <t>Kieran Stapleton</t>
  </si>
  <si>
    <t>Aonghus Fahy</t>
  </si>
  <si>
    <t>Stephen Duffy</t>
  </si>
  <si>
    <t>Ryan Whelan</t>
  </si>
  <si>
    <t>Aoife Kavanagh</t>
  </si>
  <si>
    <t>Aisling Kelly</t>
  </si>
  <si>
    <t>Conall Walsh</t>
  </si>
  <si>
    <t xml:space="preserve">Jun Han </t>
  </si>
  <si>
    <t>Cian Lynch</t>
  </si>
  <si>
    <t>Darren O'Driscoll</t>
  </si>
  <si>
    <t>Philip Moore</t>
  </si>
  <si>
    <t>Ciaran O'Reilly</t>
  </si>
  <si>
    <t>Olivia Jones</t>
  </si>
  <si>
    <t>Karen O' Connell</t>
  </si>
  <si>
    <t>Aodhdán Taylor</t>
  </si>
  <si>
    <t>Shane McGuinn</t>
  </si>
  <si>
    <t>Barry Adams</t>
  </si>
  <si>
    <t>Anthony Mc Donnell</t>
  </si>
  <si>
    <t>Colm McCarthy</t>
  </si>
  <si>
    <t>Matthew O'Connor</t>
  </si>
  <si>
    <t>Cian Donnelly</t>
  </si>
  <si>
    <t>Matthew Darby</t>
  </si>
  <si>
    <t>Paul Fay</t>
  </si>
  <si>
    <t>Frank Johnson</t>
  </si>
  <si>
    <t>Megan White</t>
  </si>
  <si>
    <t>Colm Kelly</t>
  </si>
  <si>
    <t>Elaine Byrne</t>
  </si>
  <si>
    <t>Jennifer Keegan</t>
  </si>
  <si>
    <t>Oonagh O'Brien</t>
  </si>
  <si>
    <t>D/Sergeant</t>
  </si>
  <si>
    <t>Nicola Connolly</t>
  </si>
  <si>
    <t>Seán Grennan</t>
  </si>
  <si>
    <t>Sarah Johnson</t>
  </si>
  <si>
    <t>Martin Grundy</t>
  </si>
  <si>
    <t>Ronan Ormsby</t>
  </si>
  <si>
    <t>Mary White</t>
  </si>
  <si>
    <t>Niamh McNally</t>
  </si>
  <si>
    <t>Carol Cluskey</t>
  </si>
  <si>
    <t>Enda O'Reilly</t>
  </si>
  <si>
    <t>Shane Roche</t>
  </si>
  <si>
    <t>Conor Burns</t>
  </si>
  <si>
    <t>Frank Fay</t>
  </si>
  <si>
    <t>Craig Cleary</t>
  </si>
  <si>
    <t>Eoin O'Connor</t>
  </si>
  <si>
    <t>Keith Coleman</t>
  </si>
  <si>
    <t>Michael May</t>
  </si>
  <si>
    <t>Adrian Murphy</t>
  </si>
  <si>
    <t>Timothy O'Connor</t>
  </si>
  <si>
    <t>Amy Dowdall</t>
  </si>
  <si>
    <t>Olivia Tolster</t>
  </si>
  <si>
    <t>Hazel Greene</t>
  </si>
  <si>
    <t>Ciaran Stone</t>
  </si>
  <si>
    <t>Lorraine White</t>
  </si>
  <si>
    <t>Gillian Curran</t>
  </si>
  <si>
    <t>David Kelleher</t>
  </si>
  <si>
    <t>James Codd</t>
  </si>
  <si>
    <t>Linda Byrne</t>
  </si>
  <si>
    <t>Anne Marie Higgins</t>
  </si>
  <si>
    <t>Philip Byrne</t>
  </si>
  <si>
    <t>Eoin Beatty</t>
  </si>
  <si>
    <t>Ronanstown</t>
  </si>
  <si>
    <t>(01) 6667700</t>
  </si>
  <si>
    <t>Kilian Leydon</t>
  </si>
  <si>
    <t>Alex McDermott</t>
  </si>
  <si>
    <t>Sean Breheny</t>
  </si>
  <si>
    <t>Shane Deegan</t>
  </si>
  <si>
    <t>Louise Moran</t>
  </si>
  <si>
    <t>Liam Collery</t>
  </si>
  <si>
    <t>Tom Grace</t>
  </si>
  <si>
    <t>Kevin Finn</t>
  </si>
  <si>
    <t>Ballyfermot</t>
  </si>
  <si>
    <t>(01) 6667200</t>
  </si>
  <si>
    <t>Sarah Piner</t>
  </si>
  <si>
    <t>Norell Nicholas</t>
  </si>
  <si>
    <t>Jamie Sherlock</t>
  </si>
  <si>
    <t>Donagh Hanrahan</t>
  </si>
  <si>
    <t>Lucy Mangan</t>
  </si>
  <si>
    <t>Cory Brady</t>
  </si>
  <si>
    <t>Michael Cregan</t>
  </si>
  <si>
    <t>(01) 6666600</t>
  </si>
  <si>
    <t>Michael Houlihan</t>
  </si>
  <si>
    <t>Rathfarnham</t>
  </si>
  <si>
    <t>Andrew Dunne</t>
  </si>
  <si>
    <t>Trevor Timpson</t>
  </si>
  <si>
    <t>Christian Madsen</t>
  </si>
  <si>
    <t>David Malone</t>
  </si>
  <si>
    <t>Michelle Abbott</t>
  </si>
  <si>
    <t>Robert Reid</t>
  </si>
  <si>
    <t>Ciara Lafferty</t>
  </si>
  <si>
    <t>Stuart Byrne</t>
  </si>
  <si>
    <t>Colum Smyth</t>
  </si>
  <si>
    <t xml:space="preserve">Sligo/ Leitrim </t>
  </si>
  <si>
    <t xml:space="preserve">Donegal  </t>
  </si>
  <si>
    <t xml:space="preserve">Donegal </t>
  </si>
  <si>
    <t>(091) 798122</t>
  </si>
  <si>
    <t>DUBLIN METROPOLITAN REGION - NORTH</t>
  </si>
  <si>
    <t>DUBLIN METROPOLITAN REGION - SOUTH</t>
  </si>
  <si>
    <t>DUBLIN METROPOLITAN REGION - EAST</t>
  </si>
  <si>
    <t>DUBLIN METROPOLITAN REGION - WEST</t>
  </si>
  <si>
    <t>DUBLIN METROPOLITAN REGION - NORTH CENTRAL</t>
  </si>
  <si>
    <t>DUBLIN METROPOLITAN REGION - SOUTH CENTRAL</t>
  </si>
  <si>
    <t>(021) 4772302</t>
  </si>
  <si>
    <t>Skibbereen</t>
  </si>
  <si>
    <t>(028) 23088</t>
  </si>
  <si>
    <t>Anglesea Street</t>
  </si>
  <si>
    <t>(01) 6664950</t>
  </si>
  <si>
    <t>(061) 212400</t>
  </si>
  <si>
    <t>(061) 355103</t>
  </si>
  <si>
    <t>Duleek</t>
  </si>
  <si>
    <t xml:space="preserve">John Horkan </t>
  </si>
  <si>
    <t>Shankill</t>
  </si>
  <si>
    <t>(01) 6665900</t>
  </si>
  <si>
    <t>(01) 6664300</t>
  </si>
  <si>
    <t>(01) 6667500</t>
  </si>
  <si>
    <t>(01) 6669700</t>
  </si>
  <si>
    <t>(01) 6288222</t>
  </si>
  <si>
    <t>Athboy</t>
  </si>
  <si>
    <t>(046) 9036100</t>
  </si>
  <si>
    <t>(053) 9242580</t>
  </si>
  <si>
    <t>(021 4536690</t>
  </si>
  <si>
    <t>Cahir</t>
  </si>
  <si>
    <t>Carol O'Leary</t>
  </si>
  <si>
    <t>(052) 7445630</t>
  </si>
  <si>
    <t>Laytown</t>
  </si>
  <si>
    <t>(041) 9827074</t>
  </si>
  <si>
    <t>(041) 9823222</t>
  </si>
  <si>
    <t>Des Buckley</t>
  </si>
  <si>
    <t>Patricia Connolly</t>
  </si>
  <si>
    <t>David O'Connor</t>
  </si>
  <si>
    <t>Cormac Ryan</t>
  </si>
  <si>
    <t>Shane Burke</t>
  </si>
  <si>
    <t>Aoife Bannon</t>
  </si>
  <si>
    <t>Robert O Halloran</t>
  </si>
  <si>
    <t>Fiona Hynes</t>
  </si>
  <si>
    <t>Mark O'Mahony</t>
  </si>
  <si>
    <t>Niamh Brosnan</t>
  </si>
  <si>
    <t>Eoghan Walsh</t>
  </si>
  <si>
    <t>Majella Lynch</t>
  </si>
  <si>
    <t>Irene O'Flynn</t>
  </si>
  <si>
    <t>Lorraine Higgins</t>
  </si>
  <si>
    <t>Barry Storan</t>
  </si>
  <si>
    <t>Patrickswell</t>
  </si>
  <si>
    <t>Eimear McDonagh</t>
  </si>
  <si>
    <t>Daniel Ward</t>
  </si>
  <si>
    <t>Michael Dolan</t>
  </si>
  <si>
    <t>Nicola Dolan</t>
  </si>
  <si>
    <t>Olive Lafferty</t>
  </si>
  <si>
    <t>CORK COUNTY</t>
  </si>
  <si>
    <t>DONEGAL</t>
  </si>
  <si>
    <t>LAOIS / OFFALY</t>
  </si>
  <si>
    <t>Laois/Offaly</t>
  </si>
  <si>
    <t>Cork County</t>
  </si>
  <si>
    <t>Rathcormac</t>
  </si>
  <si>
    <t>Westport</t>
  </si>
  <si>
    <t>(026) 20590</t>
  </si>
  <si>
    <t xml:space="preserve">Orla Doyle </t>
  </si>
  <si>
    <t>Mayo/Roscommon/Longford</t>
  </si>
  <si>
    <t xml:space="preserve">Michelle Murray </t>
  </si>
  <si>
    <t>Louth/Cavan/Monaghan</t>
  </si>
  <si>
    <t>Laura O'Connor</t>
  </si>
  <si>
    <t xml:space="preserve">Cliona Joyce </t>
  </si>
  <si>
    <t>Blessington</t>
  </si>
  <si>
    <t xml:space="preserve">Baltinglass </t>
  </si>
  <si>
    <t>(045) 857620</t>
  </si>
  <si>
    <t>Askeaton</t>
  </si>
  <si>
    <t>(061) 601630</t>
  </si>
  <si>
    <t>0(61) 382940</t>
  </si>
  <si>
    <t>Dunshaughlin</t>
  </si>
  <si>
    <t>(057) 86 74100</t>
  </si>
  <si>
    <t>(01) 6666400</t>
  </si>
  <si>
    <t>Ballyjamesduff</t>
  </si>
  <si>
    <t>(049) 8544102</t>
  </si>
  <si>
    <t>SLIGO / LEITRIM</t>
  </si>
  <si>
    <t>Crusheen</t>
  </si>
  <si>
    <t>(065) 6827122</t>
  </si>
  <si>
    <t>Clondalkin</t>
  </si>
  <si>
    <t>(01) 6667600</t>
  </si>
  <si>
    <t>KILDARE / Carlow</t>
  </si>
  <si>
    <t>Kildare / Carlow</t>
  </si>
  <si>
    <t>WATERFORD / KILKENNY</t>
  </si>
  <si>
    <t>Skerries</t>
  </si>
  <si>
    <t>(01) 849 1211</t>
  </si>
  <si>
    <t>(01) 666 6500</t>
  </si>
  <si>
    <t>Barnderg</t>
  </si>
  <si>
    <t>(093) 93 49212</t>
  </si>
  <si>
    <t>Clane</t>
  </si>
  <si>
    <t xml:space="preserve"> (045) 868262</t>
  </si>
  <si>
    <t>Kildare South</t>
  </si>
  <si>
    <t>Kildare North</t>
  </si>
  <si>
    <t>Denis Egan</t>
  </si>
  <si>
    <t>James Neary</t>
  </si>
  <si>
    <t>Jayne Cotter</t>
  </si>
  <si>
    <t>Diarmuid Noonan</t>
  </si>
  <si>
    <t>Cormac Oriordan</t>
  </si>
  <si>
    <t>Michael Lennon</t>
  </si>
  <si>
    <t>Darragh McSweeney</t>
  </si>
  <si>
    <t>Lisa Marie Murphy</t>
  </si>
  <si>
    <t>Bronagh Ryan</t>
  </si>
  <si>
    <t>Ciara Heffernan</t>
  </si>
  <si>
    <t>David Browne</t>
  </si>
  <si>
    <t>Aileen McCarthy</t>
  </si>
  <si>
    <t>David Hughes</t>
  </si>
  <si>
    <t>Stephen Hogan</t>
  </si>
  <si>
    <t>Padraig keegan</t>
  </si>
  <si>
    <t>Kerry McLeish</t>
  </si>
  <si>
    <t>Michaela Noctor</t>
  </si>
  <si>
    <t>Brian Quirke</t>
  </si>
  <si>
    <t>Laura Walsh</t>
  </si>
  <si>
    <t>Darren O Donovan</t>
  </si>
  <si>
    <t>Ciara Darling</t>
  </si>
  <si>
    <t>Lain O Byrne</t>
  </si>
  <si>
    <t>Clodagh Horgan</t>
  </si>
  <si>
    <t>Stephen Hyland</t>
  </si>
  <si>
    <t>Adrian O'Reilly</t>
  </si>
  <si>
    <t>Paul Mooney</t>
  </si>
  <si>
    <t>Jane Taylor</t>
  </si>
  <si>
    <t>James Mccormack</t>
  </si>
  <si>
    <t>Mathew Daly</t>
  </si>
  <si>
    <t>Philip Monaghan</t>
  </si>
  <si>
    <t>Aisling Mcdevitt</t>
  </si>
  <si>
    <t>Sean Obrien</t>
  </si>
  <si>
    <t>Sean Heaney</t>
  </si>
  <si>
    <t>Paul Faughnan</t>
  </si>
  <si>
    <t>Brian Curran</t>
  </si>
  <si>
    <t>Sarah Dolan</t>
  </si>
  <si>
    <t>Oisin O Toole</t>
  </si>
  <si>
    <t>Danielle Cassidy</t>
  </si>
  <si>
    <t>Denis O Connor</t>
  </si>
  <si>
    <t>Keith Collins</t>
  </si>
  <si>
    <t>Fintan Ryan</t>
  </si>
  <si>
    <t xml:space="preserve">Ciara Mcdermot </t>
  </si>
  <si>
    <t>Eeman Fatima</t>
  </si>
  <si>
    <t>Senan Morris</t>
  </si>
  <si>
    <t>Derek Byrne</t>
  </si>
  <si>
    <t>Jason Sheehy</t>
  </si>
  <si>
    <t>Aoife Whelan</t>
  </si>
  <si>
    <t>Marie O'Neill</t>
  </si>
  <si>
    <t>Rebecca Bourke</t>
  </si>
  <si>
    <t>Colleen Doherty</t>
  </si>
  <si>
    <t>Brendan Fahey</t>
  </si>
  <si>
    <t>Jack Curtin</t>
  </si>
  <si>
    <t>Áine Mc Quillan</t>
  </si>
  <si>
    <t>Jordan Mulcahy</t>
  </si>
  <si>
    <t>David Anthony Hughes</t>
  </si>
  <si>
    <t>Kevin D. Joyce</t>
  </si>
  <si>
    <t>Suzanne Gilmore</t>
  </si>
  <si>
    <t>Aoife Hayes</t>
  </si>
  <si>
    <t>Lydia Cawley</t>
  </si>
  <si>
    <t xml:space="preserve">(074) 9167100 </t>
  </si>
  <si>
    <t xml:space="preserve">Na Gleannta </t>
  </si>
  <si>
    <t>(074) 9551080</t>
  </si>
  <si>
    <t>Mary Gardiner</t>
  </si>
  <si>
    <t>Mary McGinty</t>
  </si>
  <si>
    <t>Brendan O Donovan</t>
  </si>
  <si>
    <t>Diarmuid O Neill</t>
  </si>
  <si>
    <t>Christopher Scannell</t>
  </si>
  <si>
    <t>(01) 6665600</t>
  </si>
  <si>
    <t>GARDA DIVERSITY OFFICERS (GDOs) 
January 2026</t>
  </si>
  <si>
    <t>(091) 636400</t>
  </si>
  <si>
    <t>Thomas Conway</t>
  </si>
  <si>
    <t>Natalie Gut Ferreira</t>
  </si>
  <si>
    <t xml:space="preserve">Kartusz Dudas                    </t>
  </si>
  <si>
    <t>Kristina Myatt                    </t>
  </si>
  <si>
    <t>Ciara Brooks</t>
  </si>
  <si>
    <t xml:space="preserve">David Sharkey </t>
  </si>
  <si>
    <t>Sarah Peppard                  </t>
  </si>
  <si>
    <t>Jason Kane                          </t>
  </si>
  <si>
    <t>Ronan Doyle                       </t>
  </si>
  <si>
    <t>Colm Byrne</t>
  </si>
  <si>
    <t>Rathcoole</t>
  </si>
  <si>
    <t>(01) 666 7900</t>
  </si>
  <si>
    <t xml:space="preserve">Tom Riordan </t>
  </si>
  <si>
    <t>John Foley</t>
  </si>
  <si>
    <t>Keith Cribbin</t>
  </si>
  <si>
    <t>Simone Lage Sá Andrade</t>
  </si>
  <si>
    <t xml:space="preserve">David Carson </t>
  </si>
  <si>
    <t>KevinGallagher</t>
  </si>
  <si>
    <t>Bernie O’Malley</t>
  </si>
  <si>
    <t>(021) 490 8530</t>
  </si>
  <si>
    <t>DUBLIN METROPOLITAN REGION - WEST contd…..</t>
  </si>
  <si>
    <t>DUBLIN METROPOLITAN REGION - NORTH CENTRAL contd…</t>
  </si>
  <si>
    <t>Waterford/ Kilkenny</t>
  </si>
  <si>
    <t>Meath / Westmeath</t>
  </si>
  <si>
    <t xml:space="preserve">LOUTH / CAVAN / MONAGHAN </t>
  </si>
  <si>
    <r>
      <t xml:space="preserve">There are currently </t>
    </r>
    <r>
      <rPr>
        <b/>
        <u/>
        <sz val="16"/>
        <color rgb="FF002060"/>
        <rFont val="Calibri"/>
        <family val="2"/>
        <scheme val="minor"/>
      </rPr>
      <t xml:space="preserve">578 </t>
    </r>
    <r>
      <rPr>
        <sz val="16"/>
        <color rgb="FF002060"/>
        <rFont val="Calibri"/>
        <family val="2"/>
        <scheme val="minor"/>
      </rPr>
      <t xml:space="preserve">Garda Diversity Officers (GDOs) throughout every Garda division in the country. 
GDOs are trained, developed and supported to actively engage with and attend to the concerns of minority, diverse and under-represented communities; providing reassurance, building trust, extending the accessibility of the Garda Service and working in collaboration with local Garda Victim Service Offices to prioritise victim needs.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4" x14ac:knownFonts="1">
    <font>
      <sz val="11"/>
      <color theme="1"/>
      <name val="Calibri"/>
      <family val="2"/>
      <scheme val="minor"/>
    </font>
    <font>
      <b/>
      <sz val="11"/>
      <color theme="1"/>
      <name val="Calibri"/>
      <family val="2"/>
      <scheme val="minor"/>
    </font>
    <font>
      <sz val="18"/>
      <color rgb="FF002060"/>
      <name val="Calibri"/>
      <family val="2"/>
      <scheme val="minor"/>
    </font>
    <font>
      <b/>
      <sz val="12"/>
      <color theme="1"/>
      <name val="Calibri"/>
      <family val="2"/>
      <scheme val="minor"/>
    </font>
    <font>
      <b/>
      <sz val="14"/>
      <color rgb="FF002060"/>
      <name val="Calibri"/>
      <family val="2"/>
      <scheme val="minor"/>
    </font>
    <font>
      <sz val="12"/>
      <color theme="1"/>
      <name val="Calibri"/>
      <family val="2"/>
      <scheme val="minor"/>
    </font>
    <font>
      <sz val="14"/>
      <color theme="1"/>
      <name val="Calibri"/>
      <family val="2"/>
      <scheme val="minor"/>
    </font>
    <font>
      <b/>
      <sz val="14"/>
      <color theme="1"/>
      <name val="Calibri"/>
      <family val="2"/>
      <scheme val="minor"/>
    </font>
    <font>
      <sz val="14"/>
      <name val="Calibri"/>
      <family val="2"/>
      <scheme val="minor"/>
    </font>
    <font>
      <sz val="14"/>
      <color rgb="FF000000"/>
      <name val="Calibri"/>
      <family val="2"/>
      <scheme val="minor"/>
    </font>
    <font>
      <sz val="13.5"/>
      <color theme="1"/>
      <name val="Calibri"/>
      <family val="2"/>
      <scheme val="minor"/>
    </font>
    <font>
      <b/>
      <sz val="20"/>
      <color theme="0"/>
      <name val="Calibri"/>
      <family val="2"/>
      <scheme val="minor"/>
    </font>
    <font>
      <sz val="16"/>
      <color rgb="FF002060"/>
      <name val="Calibri"/>
      <family val="2"/>
      <scheme val="minor"/>
    </font>
    <font>
      <b/>
      <u/>
      <sz val="16"/>
      <color rgb="FF002060"/>
      <name val="Calibri"/>
      <family val="2"/>
      <scheme val="minor"/>
    </font>
  </fonts>
  <fills count="23">
    <fill>
      <patternFill patternType="none"/>
    </fill>
    <fill>
      <patternFill patternType="gray125"/>
    </fill>
    <fill>
      <patternFill patternType="solid">
        <fgColor theme="4" tint="0.79998168889431442"/>
        <bgColor indexed="64"/>
      </patternFill>
    </fill>
    <fill>
      <patternFill patternType="solid">
        <fgColor theme="5" tint="0.79998168889431442"/>
        <bgColor indexed="64"/>
      </patternFill>
    </fill>
    <fill>
      <patternFill patternType="solid">
        <fgColor theme="7" tint="0.79998168889431442"/>
        <bgColor indexed="64"/>
      </patternFill>
    </fill>
    <fill>
      <patternFill patternType="solid">
        <fgColor theme="9" tint="0.79998168889431442"/>
        <bgColor indexed="64"/>
      </patternFill>
    </fill>
    <fill>
      <patternFill patternType="solid">
        <fgColor rgb="FFCCCCFF"/>
        <bgColor indexed="64"/>
      </patternFill>
    </fill>
    <fill>
      <patternFill patternType="solid">
        <fgColor rgb="FFCCFFFF"/>
        <bgColor indexed="64"/>
      </patternFill>
    </fill>
    <fill>
      <patternFill patternType="solid">
        <fgColor rgb="FFFFFFCC"/>
        <bgColor indexed="64"/>
      </patternFill>
    </fill>
    <fill>
      <patternFill patternType="solid">
        <fgColor rgb="FF99CCFF"/>
        <bgColor indexed="64"/>
      </patternFill>
    </fill>
    <fill>
      <patternFill patternType="solid">
        <fgColor rgb="FFFFCCCC"/>
        <bgColor indexed="64"/>
      </patternFill>
    </fill>
    <fill>
      <patternFill patternType="solid">
        <fgColor rgb="FFCCFFCC"/>
        <bgColor indexed="64"/>
      </patternFill>
    </fill>
    <fill>
      <patternFill patternType="solid">
        <fgColor rgb="FFFFCCFF"/>
        <bgColor indexed="64"/>
      </patternFill>
    </fill>
    <fill>
      <patternFill patternType="solid">
        <fgColor theme="3" tint="0.79998168889431442"/>
        <bgColor indexed="64"/>
      </patternFill>
    </fill>
    <fill>
      <patternFill patternType="solid">
        <fgColor theme="6" tint="0.59999389629810485"/>
        <bgColor indexed="64"/>
      </patternFill>
    </fill>
    <fill>
      <patternFill patternType="solid">
        <fgColor rgb="FF0070C0"/>
        <bgColor indexed="64"/>
      </patternFill>
    </fill>
    <fill>
      <patternFill patternType="solid">
        <fgColor rgb="FFD6DCE4"/>
        <bgColor indexed="64"/>
      </patternFill>
    </fill>
    <fill>
      <patternFill patternType="solid">
        <fgColor rgb="FFFFDDFF"/>
        <bgColor indexed="64"/>
      </patternFill>
    </fill>
    <fill>
      <patternFill patternType="solid">
        <fgColor rgb="FFFFF2CC"/>
        <bgColor indexed="64"/>
      </patternFill>
    </fill>
    <fill>
      <patternFill patternType="solid">
        <fgColor rgb="FFDBDBDB"/>
        <bgColor indexed="64"/>
      </patternFill>
    </fill>
    <fill>
      <patternFill patternType="solid">
        <fgColor rgb="FFE2EFDA"/>
        <bgColor indexed="64"/>
      </patternFill>
    </fill>
    <fill>
      <patternFill patternType="solid">
        <fgColor rgb="FFFCE4D6"/>
        <bgColor indexed="64"/>
      </patternFill>
    </fill>
    <fill>
      <patternFill patternType="solid">
        <fgColor rgb="FFDDEBF7"/>
        <bgColor indexed="64"/>
      </patternFill>
    </fill>
  </fills>
  <borders count="15">
    <border>
      <left/>
      <right/>
      <top/>
      <bottom/>
      <diagonal/>
    </border>
    <border>
      <left/>
      <right/>
      <top/>
      <bottom style="medium">
        <color indexed="64"/>
      </bottom>
      <diagonal/>
    </border>
    <border>
      <left/>
      <right/>
      <top style="medium">
        <color auto="1"/>
      </top>
      <bottom/>
      <diagonal/>
    </border>
    <border>
      <left style="medium">
        <color indexed="64"/>
      </left>
      <right style="medium">
        <color indexed="64"/>
      </right>
      <top style="medium">
        <color indexed="64"/>
      </top>
      <bottom/>
      <diagonal/>
    </border>
    <border>
      <left/>
      <right style="medium">
        <color indexed="64"/>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top/>
      <bottom style="medium">
        <color indexed="64"/>
      </bottom>
      <diagonal/>
    </border>
    <border>
      <left style="medium">
        <color indexed="64"/>
      </left>
      <right/>
      <top style="medium">
        <color auto="1"/>
      </top>
      <bottom/>
      <diagonal/>
    </border>
    <border>
      <left/>
      <right style="medium">
        <color indexed="64"/>
      </right>
      <top style="medium">
        <color indexed="64"/>
      </top>
      <bottom/>
      <diagonal/>
    </border>
    <border>
      <left/>
      <right style="medium">
        <color indexed="64"/>
      </right>
      <top/>
      <bottom style="medium">
        <color indexed="64"/>
      </bottom>
      <diagonal/>
    </border>
    <border>
      <left style="medium">
        <color indexed="64"/>
      </left>
      <right style="medium">
        <color indexed="64"/>
      </right>
      <top style="medium">
        <color indexed="64"/>
      </top>
      <bottom style="medium">
        <color indexed="64"/>
      </bottom>
      <diagonal/>
    </border>
  </borders>
  <cellStyleXfs count="1">
    <xf numFmtId="0" fontId="0" fillId="0" borderId="0"/>
  </cellStyleXfs>
  <cellXfs count="236">
    <xf numFmtId="0" fontId="0" fillId="0" borderId="0" xfId="0"/>
    <xf numFmtId="0" fontId="0" fillId="0" borderId="0" xfId="0" applyFill="1" applyBorder="1"/>
    <xf numFmtId="0" fontId="0" fillId="0" borderId="0" xfId="0" applyFill="1" applyBorder="1" applyAlignment="1">
      <alignment horizontal="left"/>
    </xf>
    <xf numFmtId="0" fontId="1" fillId="0" borderId="0" xfId="0" applyFont="1"/>
    <xf numFmtId="0" fontId="0" fillId="0" borderId="0" xfId="0" applyBorder="1"/>
    <xf numFmtId="0" fontId="3" fillId="0" borderId="0" xfId="0" applyFont="1"/>
    <xf numFmtId="0" fontId="5" fillId="0" borderId="0" xfId="0" applyFont="1"/>
    <xf numFmtId="0" fontId="7" fillId="6" borderId="5" xfId="0" applyFont="1" applyFill="1" applyBorder="1" applyAlignment="1">
      <alignment horizontal="center" vertical="center"/>
    </xf>
    <xf numFmtId="0" fontId="7" fillId="6" borderId="14" xfId="0" applyFont="1" applyFill="1" applyBorder="1" applyAlignment="1">
      <alignment horizontal="center" vertical="center"/>
    </xf>
    <xf numFmtId="0" fontId="7" fillId="6" borderId="7" xfId="0" applyFont="1" applyFill="1" applyBorder="1" applyAlignment="1">
      <alignment horizontal="center" vertical="center"/>
    </xf>
    <xf numFmtId="0" fontId="6" fillId="9" borderId="3" xfId="0" applyFont="1" applyFill="1" applyBorder="1" applyAlignment="1">
      <alignment horizontal="center"/>
    </xf>
    <xf numFmtId="0" fontId="6" fillId="9" borderId="8" xfId="0" applyFont="1" applyFill="1" applyBorder="1"/>
    <xf numFmtId="0" fontId="6" fillId="9" borderId="3" xfId="0" applyFont="1" applyFill="1" applyBorder="1"/>
    <xf numFmtId="0" fontId="6" fillId="9" borderId="8" xfId="0" applyFont="1" applyFill="1" applyBorder="1" applyAlignment="1">
      <alignment horizontal="center"/>
    </xf>
    <xf numFmtId="0" fontId="6" fillId="9" borderId="8" xfId="0" applyFont="1" applyFill="1" applyBorder="1" applyAlignment="1">
      <alignment horizontal="left"/>
    </xf>
    <xf numFmtId="0" fontId="6" fillId="2" borderId="8" xfId="0" applyFont="1" applyFill="1" applyBorder="1" applyAlignment="1">
      <alignment horizontal="center"/>
    </xf>
    <xf numFmtId="0" fontId="6" fillId="2" borderId="8" xfId="0" applyFont="1" applyFill="1" applyBorder="1" applyAlignment="1">
      <alignment horizontal="left"/>
    </xf>
    <xf numFmtId="0" fontId="6" fillId="2" borderId="8" xfId="0" applyFont="1" applyFill="1" applyBorder="1"/>
    <xf numFmtId="0" fontId="6" fillId="18" borderId="8" xfId="0" applyFont="1" applyFill="1" applyBorder="1" applyAlignment="1">
      <alignment horizontal="center"/>
    </xf>
    <xf numFmtId="0" fontId="8" fillId="18" borderId="8" xfId="0" applyFont="1" applyFill="1" applyBorder="1"/>
    <xf numFmtId="0" fontId="6" fillId="18" borderId="8" xfId="0" applyFont="1" applyFill="1" applyBorder="1" applyAlignment="1">
      <alignment horizontal="left"/>
    </xf>
    <xf numFmtId="0" fontId="6" fillId="18" borderId="8" xfId="0" applyFont="1" applyFill="1" applyBorder="1"/>
    <xf numFmtId="0" fontId="6" fillId="4" borderId="8" xfId="0" applyFont="1" applyFill="1" applyBorder="1" applyAlignment="1">
      <alignment horizontal="center"/>
    </xf>
    <xf numFmtId="0" fontId="8" fillId="4" borderId="8" xfId="0" applyFont="1" applyFill="1" applyBorder="1"/>
    <xf numFmtId="0" fontId="6" fillId="4" borderId="8" xfId="0" applyFont="1" applyFill="1" applyBorder="1"/>
    <xf numFmtId="0" fontId="6" fillId="18" borderId="9" xfId="0" applyFont="1" applyFill="1" applyBorder="1"/>
    <xf numFmtId="0" fontId="6" fillId="5" borderId="8" xfId="0" applyFont="1" applyFill="1" applyBorder="1" applyAlignment="1">
      <alignment horizontal="center"/>
    </xf>
    <xf numFmtId="0" fontId="6" fillId="5" borderId="8" xfId="0" applyFont="1" applyFill="1" applyBorder="1"/>
    <xf numFmtId="0" fontId="6" fillId="5" borderId="8" xfId="0" applyFont="1" applyFill="1" applyBorder="1" applyAlignment="1">
      <alignment horizontal="left"/>
    </xf>
    <xf numFmtId="0" fontId="8" fillId="5" borderId="8" xfId="0" applyFont="1" applyFill="1" applyBorder="1"/>
    <xf numFmtId="0" fontId="6" fillId="10" borderId="8" xfId="0" applyFont="1" applyFill="1" applyBorder="1" applyAlignment="1">
      <alignment horizontal="center"/>
    </xf>
    <xf numFmtId="0" fontId="8" fillId="10" borderId="8" xfId="0" applyFont="1" applyFill="1" applyBorder="1"/>
    <xf numFmtId="0" fontId="6" fillId="10" borderId="8" xfId="0" applyFont="1" applyFill="1" applyBorder="1" applyAlignment="1">
      <alignment horizontal="left"/>
    </xf>
    <xf numFmtId="0" fontId="6" fillId="10" borderId="0" xfId="0" applyFont="1" applyFill="1" applyBorder="1"/>
    <xf numFmtId="0" fontId="6" fillId="10" borderId="8" xfId="0" applyFont="1" applyFill="1" applyBorder="1"/>
    <xf numFmtId="0" fontId="6" fillId="10" borderId="4" xfId="0" applyFont="1" applyFill="1" applyBorder="1"/>
    <xf numFmtId="0" fontId="8" fillId="10" borderId="9" xfId="0" applyFont="1" applyFill="1" applyBorder="1"/>
    <xf numFmtId="0" fontId="6" fillId="10" borderId="9" xfId="0" applyFont="1" applyFill="1" applyBorder="1" applyAlignment="1">
      <alignment horizontal="left"/>
    </xf>
    <xf numFmtId="0" fontId="6" fillId="10" borderId="9" xfId="0" applyFont="1" applyFill="1" applyBorder="1"/>
    <xf numFmtId="0" fontId="6" fillId="10" borderId="13" xfId="0" applyFont="1" applyFill="1" applyBorder="1"/>
    <xf numFmtId="0" fontId="6" fillId="4" borderId="3" xfId="0" applyFont="1" applyFill="1" applyBorder="1" applyAlignment="1">
      <alignment horizontal="center"/>
    </xf>
    <xf numFmtId="0" fontId="6" fillId="4" borderId="12" xfId="0" applyFont="1" applyFill="1" applyBorder="1"/>
    <xf numFmtId="0" fontId="6" fillId="4" borderId="3" xfId="0" applyFont="1" applyFill="1" applyBorder="1"/>
    <xf numFmtId="0" fontId="6" fillId="4" borderId="4" xfId="0" applyFont="1" applyFill="1" applyBorder="1"/>
    <xf numFmtId="0" fontId="6" fillId="4" borderId="9" xfId="0" applyFont="1" applyFill="1" applyBorder="1" applyAlignment="1">
      <alignment horizontal="center"/>
    </xf>
    <xf numFmtId="0" fontId="8" fillId="4" borderId="9" xfId="0" applyFont="1" applyFill="1" applyBorder="1"/>
    <xf numFmtId="0" fontId="6" fillId="4" borderId="9" xfId="0" applyFont="1" applyFill="1" applyBorder="1"/>
    <xf numFmtId="0" fontId="6" fillId="7" borderId="3" xfId="0" applyFont="1" applyFill="1" applyBorder="1" applyAlignment="1">
      <alignment horizontal="center"/>
    </xf>
    <xf numFmtId="0" fontId="6" fillId="7" borderId="3" xfId="0" applyFont="1" applyFill="1" applyBorder="1"/>
    <xf numFmtId="0" fontId="6" fillId="7" borderId="3" xfId="0" applyFont="1" applyFill="1" applyBorder="1" applyAlignment="1">
      <alignment horizontal="left"/>
    </xf>
    <xf numFmtId="0" fontId="6" fillId="7" borderId="12" xfId="0" applyFont="1" applyFill="1" applyBorder="1"/>
    <xf numFmtId="0" fontId="6" fillId="7" borderId="4" xfId="0" applyFont="1" applyFill="1" applyBorder="1"/>
    <xf numFmtId="0" fontId="6" fillId="7" borderId="8" xfId="0" applyFont="1" applyFill="1" applyBorder="1" applyAlignment="1">
      <alignment horizontal="center"/>
    </xf>
    <xf numFmtId="0" fontId="6" fillId="7" borderId="8" xfId="0" applyFont="1" applyFill="1" applyBorder="1"/>
    <xf numFmtId="0" fontId="6" fillId="7" borderId="8" xfId="0" applyFont="1" applyFill="1" applyBorder="1" applyAlignment="1">
      <alignment horizontal="left"/>
    </xf>
    <xf numFmtId="0" fontId="6" fillId="7" borderId="9" xfId="0" applyFont="1" applyFill="1" applyBorder="1" applyAlignment="1">
      <alignment horizontal="center"/>
    </xf>
    <xf numFmtId="0" fontId="6" fillId="7" borderId="9" xfId="0" applyFont="1" applyFill="1" applyBorder="1"/>
    <xf numFmtId="0" fontId="6" fillId="7" borderId="9" xfId="0" applyFont="1" applyFill="1" applyBorder="1" applyAlignment="1">
      <alignment horizontal="left"/>
    </xf>
    <xf numFmtId="0" fontId="6" fillId="7" borderId="13" xfId="0" applyFont="1" applyFill="1" applyBorder="1"/>
    <xf numFmtId="0" fontId="6" fillId="8" borderId="12" xfId="0" applyFont="1" applyFill="1" applyBorder="1"/>
    <xf numFmtId="0" fontId="6" fillId="8" borderId="3" xfId="0" applyFont="1" applyFill="1" applyBorder="1"/>
    <xf numFmtId="0" fontId="6" fillId="8" borderId="3" xfId="0" applyFont="1" applyFill="1" applyBorder="1" applyAlignment="1">
      <alignment horizontal="left"/>
    </xf>
    <xf numFmtId="0" fontId="6" fillId="8" borderId="8" xfId="0" applyFont="1" applyFill="1" applyBorder="1" applyAlignment="1">
      <alignment horizontal="center"/>
    </xf>
    <xf numFmtId="0" fontId="6" fillId="8" borderId="4" xfId="0" applyFont="1" applyFill="1" applyBorder="1"/>
    <xf numFmtId="0" fontId="6" fillId="8" borderId="8" xfId="0" applyFont="1" applyFill="1" applyBorder="1"/>
    <xf numFmtId="0" fontId="6" fillId="8" borderId="8" xfId="0" applyFont="1" applyFill="1" applyBorder="1" applyAlignment="1">
      <alignment horizontal="left"/>
    </xf>
    <xf numFmtId="0" fontId="8" fillId="8" borderId="8" xfId="0" applyFont="1" applyFill="1" applyBorder="1"/>
    <xf numFmtId="0" fontId="6" fillId="8" borderId="9" xfId="0" applyFont="1" applyFill="1" applyBorder="1" applyAlignment="1">
      <alignment horizontal="center"/>
    </xf>
    <xf numFmtId="0" fontId="6" fillId="8" borderId="9" xfId="0" applyFont="1" applyFill="1" applyBorder="1"/>
    <xf numFmtId="0" fontId="6" fillId="8" borderId="9" xfId="0" applyFont="1" applyFill="1" applyBorder="1" applyAlignment="1">
      <alignment horizontal="left"/>
    </xf>
    <xf numFmtId="0" fontId="6" fillId="9" borderId="9" xfId="0" applyFont="1" applyFill="1" applyBorder="1" applyAlignment="1">
      <alignment horizontal="center"/>
    </xf>
    <xf numFmtId="0" fontId="6" fillId="9" borderId="9" xfId="0" applyFont="1" applyFill="1" applyBorder="1"/>
    <xf numFmtId="0" fontId="6" fillId="10" borderId="3" xfId="0" applyFont="1" applyFill="1" applyBorder="1" applyAlignment="1">
      <alignment horizontal="center"/>
    </xf>
    <xf numFmtId="0" fontId="6" fillId="10" borderId="3" xfId="0" applyFont="1" applyFill="1" applyBorder="1"/>
    <xf numFmtId="0" fontId="6" fillId="10" borderId="3" xfId="0" applyFont="1" applyFill="1" applyBorder="1" applyAlignment="1">
      <alignment horizontal="left"/>
    </xf>
    <xf numFmtId="0" fontId="8" fillId="10" borderId="8" xfId="0" applyFont="1" applyFill="1" applyBorder="1" applyAlignment="1">
      <alignment horizontal="left"/>
    </xf>
    <xf numFmtId="0" fontId="6" fillId="2" borderId="3" xfId="0" applyFont="1" applyFill="1" applyBorder="1" applyAlignment="1">
      <alignment horizontal="center"/>
    </xf>
    <xf numFmtId="0" fontId="6" fillId="2" borderId="3" xfId="0" applyFont="1" applyFill="1" applyBorder="1"/>
    <xf numFmtId="0" fontId="6" fillId="2" borderId="3" xfId="0" applyFont="1" applyFill="1" applyBorder="1" applyAlignment="1">
      <alignment horizontal="left"/>
    </xf>
    <xf numFmtId="0" fontId="6" fillId="2" borderId="9" xfId="0" applyFont="1" applyFill="1" applyBorder="1" applyAlignment="1">
      <alignment horizontal="center"/>
    </xf>
    <xf numFmtId="0" fontId="6" fillId="2" borderId="9" xfId="0" applyFont="1" applyFill="1" applyBorder="1"/>
    <xf numFmtId="0" fontId="6" fillId="2" borderId="9" xfId="0" applyFont="1" applyFill="1" applyBorder="1" applyAlignment="1">
      <alignment horizontal="left"/>
    </xf>
    <xf numFmtId="0" fontId="8" fillId="7" borderId="8" xfId="0" applyFont="1" applyFill="1" applyBorder="1"/>
    <xf numFmtId="0" fontId="6" fillId="10" borderId="12" xfId="0" applyFont="1" applyFill="1" applyBorder="1"/>
    <xf numFmtId="0" fontId="6" fillId="11" borderId="3" xfId="0" applyFont="1" applyFill="1" applyBorder="1" applyAlignment="1">
      <alignment horizontal="center"/>
    </xf>
    <xf numFmtId="0" fontId="6" fillId="11" borderId="4" xfId="0" applyFont="1" applyFill="1" applyBorder="1"/>
    <xf numFmtId="0" fontId="6" fillId="11" borderId="8" xfId="0" applyFont="1" applyFill="1" applyBorder="1"/>
    <xf numFmtId="0" fontId="8" fillId="11" borderId="8" xfId="0" applyFont="1" applyFill="1" applyBorder="1"/>
    <xf numFmtId="0" fontId="6" fillId="11" borderId="8" xfId="0" applyFont="1" applyFill="1" applyBorder="1" applyAlignment="1">
      <alignment horizontal="center"/>
    </xf>
    <xf numFmtId="0" fontId="8" fillId="11" borderId="4" xfId="0" applyFont="1" applyFill="1" applyBorder="1"/>
    <xf numFmtId="0" fontId="6" fillId="11" borderId="9" xfId="0" applyFont="1" applyFill="1" applyBorder="1" applyAlignment="1">
      <alignment horizontal="center"/>
    </xf>
    <xf numFmtId="0" fontId="6" fillId="11" borderId="13" xfId="0" applyFont="1" applyFill="1" applyBorder="1"/>
    <xf numFmtId="0" fontId="6" fillId="11" borderId="9" xfId="0" applyFont="1" applyFill="1" applyBorder="1"/>
    <xf numFmtId="0" fontId="6" fillId="8" borderId="3" xfId="0" applyFont="1" applyFill="1" applyBorder="1" applyAlignment="1">
      <alignment horizontal="center"/>
    </xf>
    <xf numFmtId="0" fontId="6" fillId="12" borderId="3" xfId="0" applyFont="1" applyFill="1" applyBorder="1" applyAlignment="1">
      <alignment horizontal="center"/>
    </xf>
    <xf numFmtId="0" fontId="6" fillId="12" borderId="12" xfId="0" applyFont="1" applyFill="1" applyBorder="1"/>
    <xf numFmtId="0" fontId="6" fillId="12" borderId="3" xfId="0" applyFont="1" applyFill="1" applyBorder="1"/>
    <xf numFmtId="0" fontId="6" fillId="12" borderId="9" xfId="0" applyFont="1" applyFill="1" applyBorder="1" applyAlignment="1">
      <alignment horizontal="center"/>
    </xf>
    <xf numFmtId="0" fontId="6" fillId="12" borderId="13" xfId="0" applyFont="1" applyFill="1" applyBorder="1"/>
    <xf numFmtId="0" fontId="6" fillId="12" borderId="9" xfId="0" applyFont="1" applyFill="1" applyBorder="1"/>
    <xf numFmtId="0" fontId="6" fillId="16" borderId="8" xfId="0" applyFont="1" applyFill="1" applyBorder="1" applyAlignment="1">
      <alignment horizontal="center"/>
    </xf>
    <xf numFmtId="0" fontId="6" fillId="16" borderId="8" xfId="0" applyFont="1" applyFill="1" applyBorder="1"/>
    <xf numFmtId="0" fontId="6" fillId="13" borderId="8" xfId="0" applyFont="1" applyFill="1" applyBorder="1"/>
    <xf numFmtId="0" fontId="6" fillId="16" borderId="8" xfId="0" applyFont="1" applyFill="1" applyBorder="1" applyAlignment="1">
      <alignment horizontal="left"/>
    </xf>
    <xf numFmtId="0" fontId="6" fillId="5" borderId="9" xfId="0" applyFont="1" applyFill="1" applyBorder="1"/>
    <xf numFmtId="0" fontId="9" fillId="9" borderId="8" xfId="0" applyFont="1" applyFill="1" applyBorder="1" applyAlignment="1">
      <alignment vertical="center" wrapText="1"/>
    </xf>
    <xf numFmtId="0" fontId="9" fillId="9" borderId="8" xfId="0" applyFont="1" applyFill="1" applyBorder="1" applyAlignment="1">
      <alignment wrapText="1"/>
    </xf>
    <xf numFmtId="0" fontId="6" fillId="9" borderId="8" xfId="0" applyFont="1" applyFill="1" applyBorder="1" applyAlignment="1">
      <alignment vertical="top"/>
    </xf>
    <xf numFmtId="0" fontId="9" fillId="9" borderId="8" xfId="0" applyFont="1" applyFill="1" applyBorder="1" applyAlignment="1">
      <alignment vertical="top" wrapText="1"/>
    </xf>
    <xf numFmtId="0" fontId="6" fillId="21" borderId="8" xfId="0" applyFont="1" applyFill="1" applyBorder="1" applyAlignment="1">
      <alignment horizontal="center"/>
    </xf>
    <xf numFmtId="0" fontId="6" fillId="3" borderId="8" xfId="0" applyFont="1" applyFill="1" applyBorder="1"/>
    <xf numFmtId="0" fontId="6" fillId="3" borderId="8" xfId="0" applyFont="1" applyFill="1" applyBorder="1" applyAlignment="1">
      <alignment horizontal="left"/>
    </xf>
    <xf numFmtId="0" fontId="6" fillId="21" borderId="8" xfId="0" applyFont="1" applyFill="1" applyBorder="1"/>
    <xf numFmtId="0" fontId="6" fillId="19" borderId="4" xfId="0" applyFont="1" applyFill="1" applyBorder="1"/>
    <xf numFmtId="0" fontId="6" fillId="14" borderId="8" xfId="0" applyFont="1" applyFill="1" applyBorder="1"/>
    <xf numFmtId="0" fontId="6" fillId="14" borderId="4" xfId="0" applyFont="1" applyFill="1" applyBorder="1"/>
    <xf numFmtId="0" fontId="6" fillId="14" borderId="8" xfId="0" applyFont="1" applyFill="1" applyBorder="1" applyAlignment="1">
      <alignment horizontal="left"/>
    </xf>
    <xf numFmtId="0" fontId="6" fillId="11" borderId="8" xfId="0" applyFont="1" applyFill="1" applyBorder="1" applyAlignment="1">
      <alignment horizontal="left"/>
    </xf>
    <xf numFmtId="0" fontId="6" fillId="11" borderId="9" xfId="0" applyFont="1" applyFill="1" applyBorder="1" applyAlignment="1">
      <alignment horizontal="left"/>
    </xf>
    <xf numFmtId="0" fontId="6" fillId="0" borderId="0" xfId="0" applyFont="1"/>
    <xf numFmtId="0" fontId="7" fillId="0" borderId="0" xfId="0" applyFont="1"/>
    <xf numFmtId="0" fontId="7" fillId="6" borderId="9" xfId="0" applyFont="1" applyFill="1" applyBorder="1" applyAlignment="1">
      <alignment horizontal="center" vertical="center"/>
    </xf>
    <xf numFmtId="0" fontId="6" fillId="20" borderId="8" xfId="0" applyFont="1" applyFill="1" applyBorder="1"/>
    <xf numFmtId="0" fontId="6" fillId="5" borderId="4" xfId="0" applyFont="1" applyFill="1" applyBorder="1"/>
    <xf numFmtId="0" fontId="6" fillId="5" borderId="13" xfId="0" applyFont="1" applyFill="1" applyBorder="1"/>
    <xf numFmtId="0" fontId="6" fillId="12" borderId="8" xfId="0" applyFont="1" applyFill="1" applyBorder="1" applyAlignment="1">
      <alignment horizontal="left"/>
    </xf>
    <xf numFmtId="0" fontId="6" fillId="5" borderId="9" xfId="0" applyFont="1" applyFill="1" applyBorder="1" applyAlignment="1">
      <alignment horizontal="left"/>
    </xf>
    <xf numFmtId="0" fontId="6" fillId="18" borderId="3" xfId="0" applyFont="1" applyFill="1" applyBorder="1" applyAlignment="1">
      <alignment horizontal="center" vertical="center"/>
    </xf>
    <xf numFmtId="0" fontId="6" fillId="20" borderId="8" xfId="0" applyFont="1" applyFill="1" applyBorder="1" applyAlignment="1">
      <alignment horizontal="center"/>
    </xf>
    <xf numFmtId="0" fontId="6" fillId="20" borderId="9" xfId="0" applyFont="1" applyFill="1" applyBorder="1" applyAlignment="1">
      <alignment horizontal="center"/>
    </xf>
    <xf numFmtId="0" fontId="6" fillId="21" borderId="9" xfId="0" applyFont="1" applyFill="1" applyBorder="1" applyAlignment="1">
      <alignment horizontal="center"/>
    </xf>
    <xf numFmtId="0" fontId="6" fillId="19" borderId="8" xfId="0" applyFont="1" applyFill="1" applyBorder="1" applyAlignment="1">
      <alignment horizontal="center" vertical="center"/>
    </xf>
    <xf numFmtId="0" fontId="6" fillId="3" borderId="9" xfId="0" applyFont="1" applyFill="1" applyBorder="1" applyAlignment="1">
      <alignment horizontal="left"/>
    </xf>
    <xf numFmtId="0" fontId="6" fillId="3" borderId="9" xfId="0" applyFont="1" applyFill="1" applyBorder="1"/>
    <xf numFmtId="0" fontId="6" fillId="22" borderId="8" xfId="0" applyFont="1" applyFill="1" applyBorder="1" applyAlignment="1">
      <alignment horizontal="left"/>
    </xf>
    <xf numFmtId="0" fontId="6" fillId="11" borderId="3" xfId="0" applyFont="1" applyFill="1" applyBorder="1"/>
    <xf numFmtId="0" fontId="6" fillId="21" borderId="8" xfId="0" applyFont="1" applyFill="1" applyBorder="1" applyAlignment="1">
      <alignment horizontal="left"/>
    </xf>
    <xf numFmtId="0" fontId="6" fillId="19" borderId="8" xfId="0" applyFont="1" applyFill="1" applyBorder="1" applyAlignment="1">
      <alignment horizontal="left"/>
    </xf>
    <xf numFmtId="0" fontId="6" fillId="19" borderId="8" xfId="0" applyFont="1" applyFill="1" applyBorder="1"/>
    <xf numFmtId="0" fontId="6" fillId="9" borderId="3" xfId="0" applyFont="1" applyFill="1" applyBorder="1" applyAlignment="1">
      <alignment horizontal="left"/>
    </xf>
    <xf numFmtId="0" fontId="6" fillId="9" borderId="9" xfId="0" applyFont="1" applyFill="1" applyBorder="1" applyAlignment="1">
      <alignment horizontal="left"/>
    </xf>
    <xf numFmtId="0" fontId="6" fillId="10" borderId="8" xfId="0" applyFont="1" applyFill="1" applyBorder="1" applyAlignment="1">
      <alignment vertical="center"/>
    </xf>
    <xf numFmtId="0" fontId="7" fillId="6" borderId="6" xfId="0" applyFont="1" applyFill="1" applyBorder="1" applyAlignment="1">
      <alignment horizontal="center" vertical="center"/>
    </xf>
    <xf numFmtId="0" fontId="6" fillId="21" borderId="9" xfId="0" applyFont="1" applyFill="1" applyBorder="1"/>
    <xf numFmtId="0" fontId="6" fillId="20" borderId="4" xfId="0" applyFont="1" applyFill="1" applyBorder="1"/>
    <xf numFmtId="0" fontId="6" fillId="20" borderId="8" xfId="0" applyFont="1" applyFill="1" applyBorder="1" applyAlignment="1">
      <alignment horizontal="left"/>
    </xf>
    <xf numFmtId="0" fontId="9" fillId="7" borderId="8" xfId="0" applyFont="1" applyFill="1" applyBorder="1" applyAlignment="1">
      <alignment horizontal="left"/>
    </xf>
    <xf numFmtId="0" fontId="6" fillId="4" borderId="8" xfId="0" applyFont="1" applyFill="1" applyBorder="1" applyAlignment="1">
      <alignment horizontal="left"/>
    </xf>
    <xf numFmtId="0" fontId="8" fillId="10" borderId="4" xfId="0" applyFont="1" applyFill="1" applyBorder="1"/>
    <xf numFmtId="0" fontId="6" fillId="10" borderId="9" xfId="0" applyFont="1" applyFill="1" applyBorder="1" applyAlignment="1">
      <alignment horizontal="center"/>
    </xf>
    <xf numFmtId="0" fontId="6" fillId="9" borderId="12" xfId="0" applyFont="1" applyFill="1" applyBorder="1"/>
    <xf numFmtId="0" fontId="6" fillId="9" borderId="4" xfId="0" applyFont="1" applyFill="1" applyBorder="1"/>
    <xf numFmtId="0" fontId="6" fillId="9" borderId="13" xfId="0" applyFont="1" applyFill="1" applyBorder="1"/>
    <xf numFmtId="0" fontId="6" fillId="9" borderId="8" xfId="0" applyFont="1" applyFill="1" applyBorder="1" applyAlignment="1">
      <alignment horizontal="center" vertical="center"/>
    </xf>
    <xf numFmtId="0" fontId="6" fillId="18" borderId="8" xfId="0" applyFont="1" applyFill="1" applyBorder="1" applyAlignment="1">
      <alignment horizontal="center" vertical="center"/>
    </xf>
    <xf numFmtId="0" fontId="8" fillId="10" borderId="9" xfId="0" applyFont="1" applyFill="1" applyBorder="1" applyAlignment="1">
      <alignment horizontal="left"/>
    </xf>
    <xf numFmtId="0" fontId="8" fillId="7" borderId="9" xfId="0" applyFont="1" applyFill="1" applyBorder="1"/>
    <xf numFmtId="0" fontId="0" fillId="0" borderId="0" xfId="0"/>
    <xf numFmtId="0" fontId="6" fillId="12" borderId="8" xfId="0" applyFont="1" applyFill="1" applyBorder="1"/>
    <xf numFmtId="0" fontId="6" fillId="12" borderId="8" xfId="0" applyFont="1" applyFill="1" applyBorder="1" applyAlignment="1">
      <alignment horizontal="center"/>
    </xf>
    <xf numFmtId="0" fontId="6" fillId="12" borderId="4" xfId="0" applyFont="1" applyFill="1" applyBorder="1"/>
    <xf numFmtId="0" fontId="6" fillId="9" borderId="8" xfId="0" applyFont="1" applyFill="1" applyBorder="1" applyAlignment="1">
      <alignment horizontal="left" vertical="center"/>
    </xf>
    <xf numFmtId="0" fontId="6" fillId="4" borderId="3" xfId="0" applyFont="1" applyFill="1" applyBorder="1" applyAlignment="1">
      <alignment horizontal="left"/>
    </xf>
    <xf numFmtId="0" fontId="10" fillId="9" borderId="8" xfId="0" applyFont="1" applyFill="1" applyBorder="1" applyAlignment="1">
      <alignment horizontal="center"/>
    </xf>
    <xf numFmtId="0" fontId="10" fillId="9" borderId="8" xfId="0" applyFont="1" applyFill="1" applyBorder="1"/>
    <xf numFmtId="0" fontId="10" fillId="9" borderId="8" xfId="0" applyFont="1" applyFill="1" applyBorder="1" applyAlignment="1">
      <alignment horizontal="left"/>
    </xf>
    <xf numFmtId="0" fontId="10" fillId="9" borderId="9" xfId="0" applyFont="1" applyFill="1" applyBorder="1" applyAlignment="1">
      <alignment horizontal="center"/>
    </xf>
    <xf numFmtId="0" fontId="10" fillId="9" borderId="9" xfId="0" applyFont="1" applyFill="1" applyBorder="1"/>
    <xf numFmtId="0" fontId="10" fillId="9" borderId="9" xfId="0" applyFont="1" applyFill="1" applyBorder="1" applyAlignment="1">
      <alignment horizontal="left"/>
    </xf>
    <xf numFmtId="0" fontId="8" fillId="4" borderId="4" xfId="0" applyFont="1" applyFill="1" applyBorder="1"/>
    <xf numFmtId="0" fontId="8" fillId="18" borderId="4" xfId="0" applyFont="1" applyFill="1" applyBorder="1"/>
    <xf numFmtId="0" fontId="8" fillId="9" borderId="4" xfId="0" applyFont="1" applyFill="1" applyBorder="1"/>
    <xf numFmtId="0" fontId="8" fillId="21" borderId="4" xfId="0" applyFont="1" applyFill="1" applyBorder="1"/>
    <xf numFmtId="0" fontId="9" fillId="9" borderId="4" xfId="0" applyFont="1" applyFill="1" applyBorder="1" applyAlignment="1">
      <alignment vertical="center" wrapText="1"/>
    </xf>
    <xf numFmtId="0" fontId="9" fillId="9" borderId="4" xfId="0" applyFont="1" applyFill="1" applyBorder="1" applyAlignment="1">
      <alignment wrapText="1"/>
    </xf>
    <xf numFmtId="0" fontId="6" fillId="9" borderId="4" xfId="0" applyFont="1" applyFill="1" applyBorder="1" applyAlignment="1">
      <alignment horizontal="left" vertical="center"/>
    </xf>
    <xf numFmtId="0" fontId="9" fillId="9" borderId="4" xfId="0" applyFont="1" applyFill="1" applyBorder="1" applyAlignment="1">
      <alignment vertical="top" wrapText="1"/>
    </xf>
    <xf numFmtId="0" fontId="6" fillId="3" borderId="4" xfId="0" applyFont="1" applyFill="1" applyBorder="1"/>
    <xf numFmtId="0" fontId="6" fillId="3" borderId="13" xfId="0" applyFont="1" applyFill="1" applyBorder="1"/>
    <xf numFmtId="0" fontId="6" fillId="4" borderId="9" xfId="0" applyFont="1" applyFill="1" applyBorder="1" applyAlignment="1">
      <alignment horizontal="left"/>
    </xf>
    <xf numFmtId="0" fontId="9" fillId="9" borderId="3" xfId="0" applyFont="1" applyFill="1" applyBorder="1" applyAlignment="1">
      <alignment vertical="center" wrapText="1"/>
    </xf>
    <xf numFmtId="0" fontId="6" fillId="11" borderId="12" xfId="0" applyFont="1" applyFill="1" applyBorder="1"/>
    <xf numFmtId="0" fontId="8" fillId="11" borderId="3" xfId="0" applyFont="1" applyFill="1" applyBorder="1"/>
    <xf numFmtId="0" fontId="8" fillId="11" borderId="8" xfId="0" applyFont="1" applyFill="1" applyBorder="1" applyAlignment="1">
      <alignment horizontal="left"/>
    </xf>
    <xf numFmtId="0" fontId="8" fillId="11" borderId="9" xfId="0" applyFont="1" applyFill="1" applyBorder="1" applyAlignment="1">
      <alignment horizontal="left"/>
    </xf>
    <xf numFmtId="0" fontId="8" fillId="21" borderId="13" xfId="0" applyFont="1" applyFill="1" applyBorder="1"/>
    <xf numFmtId="0" fontId="6" fillId="5" borderId="3" xfId="0" applyFont="1" applyFill="1" applyBorder="1" applyAlignment="1">
      <alignment horizontal="center"/>
    </xf>
    <xf numFmtId="0" fontId="6" fillId="5" borderId="3" xfId="0" applyFont="1" applyFill="1" applyBorder="1"/>
    <xf numFmtId="0" fontId="6" fillId="5" borderId="3" xfId="0" applyFont="1" applyFill="1" applyBorder="1" applyAlignment="1">
      <alignment horizontal="left"/>
    </xf>
    <xf numFmtId="0" fontId="8" fillId="4" borderId="3" xfId="0" applyFont="1" applyFill="1" applyBorder="1"/>
    <xf numFmtId="0" fontId="6" fillId="2" borderId="3" xfId="0" applyFont="1" applyFill="1" applyBorder="1" applyAlignment="1">
      <alignment vertical="center"/>
    </xf>
    <xf numFmtId="0" fontId="6" fillId="2" borderId="8" xfId="0" applyFont="1" applyFill="1" applyBorder="1" applyAlignment="1">
      <alignment vertical="center"/>
    </xf>
    <xf numFmtId="0" fontId="6" fillId="2" borderId="9" xfId="0" applyFont="1" applyFill="1" applyBorder="1" applyAlignment="1">
      <alignment vertical="center"/>
    </xf>
    <xf numFmtId="0" fontId="8" fillId="7" borderId="3" xfId="0" applyFont="1" applyFill="1" applyBorder="1"/>
    <xf numFmtId="0" fontId="8" fillId="8" borderId="3" xfId="0" applyFont="1" applyFill="1" applyBorder="1" applyAlignment="1">
      <alignment horizontal="left"/>
    </xf>
    <xf numFmtId="0" fontId="8" fillId="8" borderId="8" xfId="0" applyFont="1" applyFill="1" applyBorder="1" applyAlignment="1">
      <alignment horizontal="left"/>
    </xf>
    <xf numFmtId="0" fontId="8" fillId="8" borderId="9" xfId="0" applyFont="1" applyFill="1" applyBorder="1" applyAlignment="1">
      <alignment horizontal="left"/>
    </xf>
    <xf numFmtId="0" fontId="6" fillId="12" borderId="3" xfId="0" applyFont="1" applyFill="1" applyBorder="1" applyAlignment="1">
      <alignment horizontal="left"/>
    </xf>
    <xf numFmtId="0" fontId="6" fillId="12" borderId="9" xfId="0" applyFont="1" applyFill="1" applyBorder="1" applyAlignment="1">
      <alignment horizontal="left"/>
    </xf>
    <xf numFmtId="0" fontId="6" fillId="16" borderId="3" xfId="0" applyFont="1" applyFill="1" applyBorder="1" applyAlignment="1">
      <alignment horizontal="center"/>
    </xf>
    <xf numFmtId="0" fontId="6" fillId="18" borderId="9" xfId="0" applyFont="1" applyFill="1" applyBorder="1" applyAlignment="1">
      <alignment horizontal="center"/>
    </xf>
    <xf numFmtId="0" fontId="6" fillId="16" borderId="3" xfId="0" applyFont="1" applyFill="1" applyBorder="1"/>
    <xf numFmtId="0" fontId="6" fillId="16" borderId="3" xfId="0" applyFont="1" applyFill="1" applyBorder="1" applyAlignment="1">
      <alignment horizontal="left"/>
    </xf>
    <xf numFmtId="0" fontId="6" fillId="13" borderId="3" xfId="0" applyFont="1" applyFill="1" applyBorder="1"/>
    <xf numFmtId="0" fontId="8" fillId="9" borderId="8" xfId="0" applyFont="1" applyFill="1" applyBorder="1"/>
    <xf numFmtId="0" fontId="8" fillId="21" borderId="8" xfId="0" applyFont="1" applyFill="1" applyBorder="1"/>
    <xf numFmtId="0" fontId="8" fillId="21" borderId="9" xfId="0" applyFont="1" applyFill="1" applyBorder="1"/>
    <xf numFmtId="0" fontId="4" fillId="6" borderId="10" xfId="0" applyFont="1" applyFill="1" applyBorder="1" applyAlignment="1">
      <alignment horizontal="center" vertical="center" wrapText="1"/>
    </xf>
    <xf numFmtId="49" fontId="6" fillId="9" borderId="8" xfId="0" applyNumberFormat="1" applyFont="1" applyFill="1" applyBorder="1"/>
    <xf numFmtId="0" fontId="6" fillId="19" borderId="3" xfId="0" applyFont="1" applyFill="1" applyBorder="1" applyAlignment="1">
      <alignment horizontal="center" vertical="center"/>
    </xf>
    <xf numFmtId="0" fontId="6" fillId="14" borderId="3" xfId="0" applyFont="1" applyFill="1" applyBorder="1"/>
    <xf numFmtId="0" fontId="6" fillId="14" borderId="3" xfId="0" applyFont="1" applyFill="1" applyBorder="1" applyAlignment="1">
      <alignment horizontal="left"/>
    </xf>
    <xf numFmtId="0" fontId="10" fillId="9" borderId="4" xfId="0" applyFont="1" applyFill="1" applyBorder="1"/>
    <xf numFmtId="0" fontId="10" fillId="9" borderId="13" xfId="0" applyFont="1" applyFill="1" applyBorder="1"/>
    <xf numFmtId="0" fontId="6" fillId="2" borderId="12" xfId="0" applyFont="1" applyFill="1" applyBorder="1"/>
    <xf numFmtId="0" fontId="6" fillId="2" borderId="4" xfId="0" applyFont="1" applyFill="1" applyBorder="1"/>
    <xf numFmtId="0" fontId="6" fillId="2" borderId="13" xfId="0" applyFont="1" applyFill="1" applyBorder="1"/>
    <xf numFmtId="0" fontId="6" fillId="8" borderId="4" xfId="0" applyFont="1" applyFill="1" applyBorder="1" applyAlignment="1">
      <alignment horizontal="left"/>
    </xf>
    <xf numFmtId="0" fontId="8" fillId="8" borderId="13" xfId="0" applyFont="1" applyFill="1" applyBorder="1"/>
    <xf numFmtId="0" fontId="9" fillId="9" borderId="12" xfId="0" applyFont="1" applyFill="1" applyBorder="1" applyAlignment="1">
      <alignment vertical="center" wrapText="1"/>
    </xf>
    <xf numFmtId="0" fontId="6" fillId="14" borderId="12" xfId="0" applyFont="1" applyFill="1" applyBorder="1"/>
    <xf numFmtId="0" fontId="2" fillId="0" borderId="5" xfId="0" applyFont="1" applyFill="1" applyBorder="1" applyAlignment="1">
      <alignment horizontal="center" vertical="center" wrapText="1"/>
    </xf>
    <xf numFmtId="0" fontId="2" fillId="0" borderId="6" xfId="0" applyFont="1" applyFill="1" applyBorder="1" applyAlignment="1">
      <alignment horizontal="center" vertical="center" wrapText="1"/>
    </xf>
    <xf numFmtId="0" fontId="2" fillId="0" borderId="7" xfId="0" applyFont="1" applyFill="1" applyBorder="1" applyAlignment="1">
      <alignment horizontal="center" vertical="center" wrapText="1"/>
    </xf>
    <xf numFmtId="0" fontId="6" fillId="0" borderId="11" xfId="0" applyFont="1" applyBorder="1" applyAlignment="1">
      <alignment horizontal="center"/>
    </xf>
    <xf numFmtId="0" fontId="6" fillId="0" borderId="2" xfId="0" applyFont="1" applyBorder="1" applyAlignment="1">
      <alignment horizontal="center"/>
    </xf>
    <xf numFmtId="0" fontId="6" fillId="0" borderId="12" xfId="0" applyFont="1" applyBorder="1" applyAlignment="1">
      <alignment horizontal="center"/>
    </xf>
    <xf numFmtId="0" fontId="6" fillId="0" borderId="10" xfId="0" applyFont="1" applyBorder="1" applyAlignment="1">
      <alignment horizontal="center"/>
    </xf>
    <xf numFmtId="0" fontId="6" fillId="0" borderId="1" xfId="0" applyFont="1" applyBorder="1" applyAlignment="1">
      <alignment horizontal="center"/>
    </xf>
    <xf numFmtId="0" fontId="6" fillId="0" borderId="13" xfId="0" applyFont="1" applyBorder="1" applyAlignment="1">
      <alignment horizontal="center"/>
    </xf>
    <xf numFmtId="0" fontId="11" fillId="15" borderId="5" xfId="0" applyFont="1" applyFill="1" applyBorder="1" applyAlignment="1">
      <alignment horizontal="center" vertical="center" wrapText="1"/>
    </xf>
    <xf numFmtId="0" fontId="11" fillId="15" borderId="6" xfId="0" applyFont="1" applyFill="1" applyBorder="1" applyAlignment="1">
      <alignment horizontal="center" vertical="center" wrapText="1"/>
    </xf>
    <xf numFmtId="0" fontId="11" fillId="15" borderId="7" xfId="0" applyFont="1" applyFill="1" applyBorder="1" applyAlignment="1">
      <alignment horizontal="center" vertical="center" wrapText="1"/>
    </xf>
    <xf numFmtId="0" fontId="12" fillId="17" borderId="5" xfId="0" applyFont="1" applyFill="1" applyBorder="1" applyAlignment="1">
      <alignment horizontal="center" vertical="center" wrapText="1"/>
    </xf>
    <xf numFmtId="0" fontId="12" fillId="17" borderId="6" xfId="0" applyFont="1" applyFill="1" applyBorder="1" applyAlignment="1">
      <alignment horizontal="center" vertical="center" wrapText="1"/>
    </xf>
    <xf numFmtId="0" fontId="12" fillId="17" borderId="7" xfId="0" applyFont="1" applyFill="1" applyBorder="1" applyAlignment="1">
      <alignment horizontal="center" vertical="center" wrapText="1"/>
    </xf>
  </cellXfs>
  <cellStyles count="1">
    <cellStyle name="Normal" xfId="0" builtinId="0"/>
  </cellStyles>
  <dxfs count="0"/>
  <tableStyles count="0" defaultTableStyle="TableStyleMedium2" defaultPivotStyle="PivotStyleLight16"/>
  <colors>
    <mruColors>
      <color rgb="FFCCFFCC"/>
      <color rgb="FFFFCCCC"/>
      <color rgb="FFCCFFFF"/>
      <color rgb="FF99CCFF"/>
      <color rgb="FFFFFFCC"/>
      <color rgb="FFE2EFDA"/>
      <color rgb="FF000000"/>
      <color rgb="FFFCE4D6"/>
      <color rgb="FFCCCCFF"/>
      <color rgb="FFDBDBDB"/>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externalLink" Target="externalLinks/externalLink2.xml"/><Relationship Id="rId7" Type="http://schemas.openxmlformats.org/officeDocument/2006/relationships/sharedStrings" Target="sharedString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3.xml"/></Relationships>
</file>

<file path=xl/drawings/_rels/drawing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2</xdr:row>
      <xdr:rowOff>1</xdr:rowOff>
    </xdr:from>
    <xdr:to>
      <xdr:col>1</xdr:col>
      <xdr:colOff>615040</xdr:colOff>
      <xdr:row>3</xdr:row>
      <xdr:rowOff>15241</xdr:rowOff>
    </xdr:to>
    <xdr:pic>
      <xdr:nvPicPr>
        <xdr:cNvPr id="2" name="Picture 1"/>
        <xdr:cNvPicPr/>
      </xdr:nvPicPr>
      <xdr:blipFill>
        <a:blip xmlns:r="http://schemas.openxmlformats.org/officeDocument/2006/relationships" r:embed="rId1"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xdr:blipFill>
      <xdr:spPr bwMode="auto">
        <a:xfrm>
          <a:off x="0" y="514351"/>
          <a:ext cx="1338940" cy="1196340"/>
        </a:xfrm>
        <a:prstGeom prst="rect">
          <a:avLst/>
        </a:prstGeom>
        <a:noFill/>
        <a:ln w="9525" algn="in">
          <a:noFill/>
          <a:miter lim="800000"/>
          <a:headEnd/>
          <a:tailEnd/>
        </a:ln>
        <a:effectLst/>
      </xdr:spPr>
    </xdr:pic>
    <xdr:clientData/>
  </xdr:twoCellAnchor>
  <xdr:twoCellAnchor editAs="oneCell">
    <xdr:from>
      <xdr:col>6</xdr:col>
      <xdr:colOff>176893</xdr:colOff>
      <xdr:row>2</xdr:row>
      <xdr:rowOff>52929</xdr:rowOff>
    </xdr:from>
    <xdr:to>
      <xdr:col>6</xdr:col>
      <xdr:colOff>1414232</xdr:colOff>
      <xdr:row>2</xdr:row>
      <xdr:rowOff>1076053</xdr:rowOff>
    </xdr:to>
    <xdr:pic>
      <xdr:nvPicPr>
        <xdr:cNvPr id="3" name="Picture 2"/>
        <xdr:cNvPicPr>
          <a:picLocks noChangeAspect="1"/>
        </xdr:cNvPicPr>
      </xdr:nvPicPr>
      <xdr:blipFill rotWithShape="1">
        <a:blip xmlns:r="http://schemas.openxmlformats.org/officeDocument/2006/relationships" r:embed="rId2" cstate="print">
          <a:extLst>
            <a:ext uri="{28A0092B-C50C-407E-A947-70E740481C1C}">
              <a14:useLocalDpi xmlns:a14="http://schemas.microsoft.com/office/drawing/2010/main" val="0"/>
            </a:ext>
          </a:extLst>
        </a:blip>
        <a:srcRect l="12439" t="23586" r="52547" b="46621"/>
        <a:stretch/>
      </xdr:blipFill>
      <xdr:spPr>
        <a:xfrm>
          <a:off x="10790464" y="570000"/>
          <a:ext cx="1237339" cy="1023124"/>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home\s3014970\Desktop\Garda%20Diversity%20Officers%20(GDO)%20List%202025_DMR%20SC%20Return.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alfresco\aos\_aos_nodeid\db1abb32-ad41-429f-bf44-3975160fc4ba\GDO%20Attendence%20Sheet%202024%20Galway.%20Mayo.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alfresco\aos\_aos_nodeid\3fa0a5b7-0b3a-486c-ab32-02f78935af8d\GDO%20List%20Working%20Copy%20January%202024.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WORKING LIST 2024"/>
    </sheetNames>
    <sheetDataSet>
      <sheetData sheetId="0">
        <row r="342">
          <cell r="B342" t="str">
            <v>37881L</v>
          </cell>
          <cell r="C342" t="str">
            <v>Michael Roche</v>
          </cell>
          <cell r="D342" t="str">
            <v>Garda</v>
          </cell>
        </row>
        <row r="357">
          <cell r="C357" t="str">
            <v>Robert McGrath</v>
          </cell>
          <cell r="D357" t="str">
            <v>Garda</v>
          </cell>
        </row>
        <row r="359">
          <cell r="C359" t="str">
            <v>David Ryan</v>
          </cell>
          <cell r="D359" t="str">
            <v>Garda</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s>
    <sheetDataSet>
      <sheetData sheetId="0">
        <row r="10">
          <cell r="B10" t="str">
            <v>33902D</v>
          </cell>
          <cell r="D10" t="str">
            <v>Garda</v>
          </cell>
          <cell r="E10" t="str">
            <v>Oranmore</v>
          </cell>
        </row>
        <row r="11">
          <cell r="C11" t="str">
            <v>Joseph Hirst</v>
          </cell>
          <cell r="D11" t="str">
            <v>Garda</v>
          </cell>
          <cell r="E11" t="str">
            <v>Oranmore</v>
          </cell>
        </row>
        <row r="12">
          <cell r="C12" t="str">
            <v>Alan Murphy</v>
          </cell>
          <cell r="D12" t="str">
            <v>Garda</v>
          </cell>
          <cell r="E12" t="str">
            <v>Oranmore</v>
          </cell>
        </row>
        <row r="26">
          <cell r="C26" t="str">
            <v xml:space="preserve">Peter Hanley </v>
          </cell>
          <cell r="D26" t="str">
            <v>Sergeant</v>
          </cell>
          <cell r="E26" t="str">
            <v>Castlebar</v>
          </cell>
        </row>
        <row r="27">
          <cell r="C27" t="str">
            <v xml:space="preserve">James Muldowney </v>
          </cell>
          <cell r="D27" t="str">
            <v>Sergeant</v>
          </cell>
        </row>
        <row r="28">
          <cell r="C28" t="str">
            <v>Michael Jennings</v>
          </cell>
          <cell r="D28" t="str">
            <v xml:space="preserve">Garda </v>
          </cell>
          <cell r="E28" t="str">
            <v>Ballyhaunis</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WORKING LIST 2024"/>
    </sheetNames>
    <sheetDataSet>
      <sheetData sheetId="0">
        <row r="597">
          <cell r="E597" t="str">
            <v>Bunclody</v>
          </cell>
          <cell r="H597" t="str">
            <v>(053) 937 7102</v>
          </cell>
        </row>
        <row r="598">
          <cell r="E598" t="str">
            <v>Gorey</v>
          </cell>
        </row>
        <row r="601">
          <cell r="E601" t="str">
            <v>Oylegate</v>
          </cell>
          <cell r="H601" t="str">
            <v>(053) 9138132</v>
          </cell>
        </row>
      </sheetData>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716"/>
  <sheetViews>
    <sheetView tabSelected="1" view="pageBreakPreview" topLeftCell="A244" zoomScale="70" zoomScaleNormal="70" zoomScaleSheetLayoutView="70" workbookViewId="0">
      <selection activeCell="D381" sqref="D381"/>
    </sheetView>
  </sheetViews>
  <sheetFormatPr defaultColWidth="8.85546875" defaultRowHeight="15" x14ac:dyDescent="0.25"/>
  <cols>
    <col min="1" max="1" width="10.85546875" style="3" customWidth="1"/>
    <col min="2" max="2" width="33" style="157" customWidth="1"/>
    <col min="3" max="3" width="18" style="157" customWidth="1"/>
    <col min="4" max="4" width="30.85546875" style="157" customWidth="1"/>
    <col min="5" max="5" width="31.28515625" style="157" customWidth="1"/>
    <col min="6" max="6" width="35.28515625" style="157" customWidth="1"/>
    <col min="7" max="7" width="24" style="157" customWidth="1"/>
    <col min="8" max="16384" width="8.85546875" style="157"/>
  </cols>
  <sheetData>
    <row r="1" spans="1:16" x14ac:dyDescent="0.25">
      <c r="A1" s="224"/>
      <c r="B1" s="225"/>
      <c r="C1" s="225"/>
      <c r="D1" s="225"/>
      <c r="E1" s="225"/>
      <c r="F1" s="225"/>
      <c r="G1" s="226"/>
    </row>
    <row r="2" spans="1:16" ht="25.5" customHeight="1" thickBot="1" x14ac:dyDescent="0.3">
      <c r="A2" s="227"/>
      <c r="B2" s="228"/>
      <c r="C2" s="228"/>
      <c r="D2" s="228"/>
      <c r="E2" s="228"/>
      <c r="F2" s="228"/>
      <c r="G2" s="229"/>
    </row>
    <row r="3" spans="1:16" ht="93" customHeight="1" thickBot="1" x14ac:dyDescent="0.3">
      <c r="A3" s="230" t="s">
        <v>993</v>
      </c>
      <c r="B3" s="231"/>
      <c r="C3" s="231"/>
      <c r="D3" s="231"/>
      <c r="E3" s="231"/>
      <c r="F3" s="231"/>
      <c r="G3" s="232"/>
    </row>
    <row r="4" spans="1:16" ht="99.75" customHeight="1" thickBot="1" x14ac:dyDescent="0.3">
      <c r="A4" s="233" t="s">
        <v>1020</v>
      </c>
      <c r="B4" s="234"/>
      <c r="C4" s="234"/>
      <c r="D4" s="234"/>
      <c r="E4" s="234"/>
      <c r="F4" s="234"/>
      <c r="G4" s="235"/>
    </row>
    <row r="5" spans="1:16" ht="24.75" customHeight="1" thickBot="1" x14ac:dyDescent="0.3">
      <c r="A5" s="221" t="s">
        <v>657</v>
      </c>
      <c r="B5" s="222"/>
      <c r="C5" s="222"/>
      <c r="D5" s="222"/>
      <c r="E5" s="222"/>
      <c r="F5" s="222"/>
      <c r="G5" s="223"/>
    </row>
    <row r="6" spans="1:16" ht="19.5" thickBot="1" x14ac:dyDescent="0.3">
      <c r="A6" s="7" t="s">
        <v>392</v>
      </c>
      <c r="B6" s="8" t="s">
        <v>0</v>
      </c>
      <c r="C6" s="8" t="s">
        <v>146</v>
      </c>
      <c r="D6" s="8" t="s">
        <v>151</v>
      </c>
      <c r="E6" s="8" t="s">
        <v>264</v>
      </c>
      <c r="F6" s="8" t="s">
        <v>272</v>
      </c>
      <c r="G6" s="8" t="s">
        <v>282</v>
      </c>
    </row>
    <row r="7" spans="1:16" ht="19.5" customHeight="1" x14ac:dyDescent="0.3">
      <c r="A7" s="186">
        <v>1</v>
      </c>
      <c r="B7" s="187" t="s">
        <v>1</v>
      </c>
      <c r="C7" s="187" t="s">
        <v>148</v>
      </c>
      <c r="D7" s="188" t="s">
        <v>152</v>
      </c>
      <c r="E7" s="187" t="s">
        <v>152</v>
      </c>
      <c r="F7" s="187" t="s">
        <v>661</v>
      </c>
      <c r="G7" s="187" t="s">
        <v>283</v>
      </c>
    </row>
    <row r="8" spans="1:16" ht="19.5" customHeight="1" x14ac:dyDescent="0.3">
      <c r="A8" s="26">
        <v>2</v>
      </c>
      <c r="B8" s="27" t="s">
        <v>874</v>
      </c>
      <c r="C8" s="27" t="s">
        <v>148</v>
      </c>
      <c r="D8" s="28" t="s">
        <v>152</v>
      </c>
      <c r="E8" s="28" t="s">
        <v>152</v>
      </c>
      <c r="F8" s="27" t="s">
        <v>661</v>
      </c>
      <c r="G8" s="27" t="s">
        <v>283</v>
      </c>
    </row>
    <row r="9" spans="1:16" ht="19.5" customHeight="1" x14ac:dyDescent="0.3">
      <c r="A9" s="26">
        <v>3</v>
      </c>
      <c r="B9" s="27" t="s">
        <v>878</v>
      </c>
      <c r="C9" s="27" t="s">
        <v>148</v>
      </c>
      <c r="D9" s="28" t="s">
        <v>152</v>
      </c>
      <c r="E9" s="28" t="s">
        <v>152</v>
      </c>
      <c r="F9" s="27" t="s">
        <v>661</v>
      </c>
      <c r="G9" s="27" t="s">
        <v>283</v>
      </c>
    </row>
    <row r="10" spans="1:16" ht="19.5" customHeight="1" x14ac:dyDescent="0.3">
      <c r="A10" s="26">
        <v>4</v>
      </c>
      <c r="B10" s="27" t="str">
        <f>'[1]WORKING LIST 2024'!C342</f>
        <v>Michael Roche</v>
      </c>
      <c r="C10" s="27" t="str">
        <f>'[1]WORKING LIST 2024'!D342</f>
        <v>Garda</v>
      </c>
      <c r="D10" s="28" t="s">
        <v>152</v>
      </c>
      <c r="E10" s="28" t="s">
        <v>152</v>
      </c>
      <c r="F10" s="27" t="s">
        <v>661</v>
      </c>
      <c r="G10" s="27" t="s">
        <v>283</v>
      </c>
    </row>
    <row r="11" spans="1:16" ht="19.5" customHeight="1" x14ac:dyDescent="0.3">
      <c r="A11" s="26">
        <v>5</v>
      </c>
      <c r="B11" s="27" t="s">
        <v>875</v>
      </c>
      <c r="C11" s="27" t="s">
        <v>148</v>
      </c>
      <c r="D11" s="28" t="s">
        <v>909</v>
      </c>
      <c r="E11" s="27" t="s">
        <v>152</v>
      </c>
      <c r="F11" s="27" t="s">
        <v>661</v>
      </c>
      <c r="G11" s="27" t="s">
        <v>910</v>
      </c>
    </row>
    <row r="12" spans="1:16" ht="19.5" customHeight="1" x14ac:dyDescent="0.3">
      <c r="A12" s="26">
        <v>6</v>
      </c>
      <c r="B12" s="27" t="s">
        <v>2</v>
      </c>
      <c r="C12" s="27" t="s">
        <v>148</v>
      </c>
      <c r="D12" s="28" t="s">
        <v>153</v>
      </c>
      <c r="E12" s="27" t="s">
        <v>152</v>
      </c>
      <c r="F12" s="27" t="s">
        <v>661</v>
      </c>
      <c r="G12" s="27" t="s">
        <v>283</v>
      </c>
    </row>
    <row r="13" spans="1:16" ht="19.5" customHeight="1" x14ac:dyDescent="0.3">
      <c r="A13" s="26">
        <v>7</v>
      </c>
      <c r="B13" s="29" t="s">
        <v>4</v>
      </c>
      <c r="C13" s="29" t="str">
        <f t="shared" ref="C13:F13" si="0">C14</f>
        <v>Garda</v>
      </c>
      <c r="D13" s="28" t="s">
        <v>155</v>
      </c>
      <c r="E13" s="27" t="str">
        <f t="shared" si="0"/>
        <v>Kilrush</v>
      </c>
      <c r="F13" s="27" t="str">
        <f t="shared" si="0"/>
        <v>Clare / Tipperary</v>
      </c>
      <c r="G13" s="27" t="s">
        <v>285</v>
      </c>
    </row>
    <row r="14" spans="1:16" ht="19.5" customHeight="1" x14ac:dyDescent="0.3">
      <c r="A14" s="26">
        <v>8</v>
      </c>
      <c r="B14" s="29" t="s">
        <v>3</v>
      </c>
      <c r="C14" s="29" t="s">
        <v>148</v>
      </c>
      <c r="D14" s="28" t="s">
        <v>154</v>
      </c>
      <c r="E14" s="27" t="s">
        <v>155</v>
      </c>
      <c r="F14" s="27" t="s">
        <v>661</v>
      </c>
      <c r="G14" s="27" t="s">
        <v>284</v>
      </c>
      <c r="O14" s="4"/>
      <c r="P14" s="4"/>
    </row>
    <row r="15" spans="1:16" ht="19.5" customHeight="1" x14ac:dyDescent="0.3">
      <c r="A15" s="30">
        <v>9</v>
      </c>
      <c r="B15" s="31" t="s">
        <v>127</v>
      </c>
      <c r="C15" s="31" t="s">
        <v>147</v>
      </c>
      <c r="D15" s="32" t="s">
        <v>247</v>
      </c>
      <c r="E15" s="34" t="s">
        <v>247</v>
      </c>
      <c r="F15" s="34" t="s">
        <v>661</v>
      </c>
      <c r="G15" s="34" t="s">
        <v>596</v>
      </c>
      <c r="O15" s="4"/>
      <c r="P15" s="4"/>
    </row>
    <row r="16" spans="1:16" ht="19.5" customHeight="1" x14ac:dyDescent="0.3">
      <c r="A16" s="30">
        <v>10</v>
      </c>
      <c r="B16" s="31" t="s">
        <v>123</v>
      </c>
      <c r="C16" s="31" t="s">
        <v>148</v>
      </c>
      <c r="D16" s="32" t="s">
        <v>492</v>
      </c>
      <c r="E16" s="34" t="s">
        <v>247</v>
      </c>
      <c r="F16" s="34" t="s">
        <v>661</v>
      </c>
      <c r="G16" s="34" t="s">
        <v>493</v>
      </c>
      <c r="O16" s="4"/>
      <c r="P16" s="4"/>
    </row>
    <row r="17" spans="1:16" ht="19.5" customHeight="1" x14ac:dyDescent="0.3">
      <c r="A17" s="30">
        <v>11</v>
      </c>
      <c r="B17" s="31" t="s">
        <v>124</v>
      </c>
      <c r="C17" s="31" t="s">
        <v>148</v>
      </c>
      <c r="D17" s="32" t="s">
        <v>248</v>
      </c>
      <c r="E17" s="34" t="s">
        <v>271</v>
      </c>
      <c r="F17" s="34" t="s">
        <v>661</v>
      </c>
      <c r="G17" s="34" t="s">
        <v>374</v>
      </c>
      <c r="O17" s="4"/>
      <c r="P17" s="4"/>
    </row>
    <row r="18" spans="1:16" ht="19.5" customHeight="1" x14ac:dyDescent="0.3">
      <c r="A18" s="30">
        <v>12</v>
      </c>
      <c r="B18" s="31" t="s">
        <v>125</v>
      </c>
      <c r="C18" s="31" t="s">
        <v>148</v>
      </c>
      <c r="D18" s="32" t="s">
        <v>248</v>
      </c>
      <c r="E18" s="34" t="s">
        <v>271</v>
      </c>
      <c r="F18" s="34" t="s">
        <v>661</v>
      </c>
      <c r="G18" s="34" t="s">
        <v>374</v>
      </c>
      <c r="O18" s="4"/>
      <c r="P18" s="4"/>
    </row>
    <row r="19" spans="1:16" ht="19.5" customHeight="1" x14ac:dyDescent="0.3">
      <c r="A19" s="30">
        <v>13</v>
      </c>
      <c r="B19" s="31" t="s">
        <v>876</v>
      </c>
      <c r="C19" s="31" t="s">
        <v>148</v>
      </c>
      <c r="D19" s="32" t="s">
        <v>248</v>
      </c>
      <c r="E19" s="34" t="s">
        <v>271</v>
      </c>
      <c r="F19" s="34" t="s">
        <v>661</v>
      </c>
      <c r="G19" s="34" t="s">
        <v>374</v>
      </c>
      <c r="O19" s="4"/>
      <c r="P19" s="4"/>
    </row>
    <row r="20" spans="1:16" ht="19.5" customHeight="1" x14ac:dyDescent="0.3">
      <c r="A20" s="30">
        <v>14</v>
      </c>
      <c r="B20" s="31" t="s">
        <v>126</v>
      </c>
      <c r="C20" s="31" t="s">
        <v>148</v>
      </c>
      <c r="D20" s="32" t="s">
        <v>248</v>
      </c>
      <c r="E20" s="34" t="s">
        <v>271</v>
      </c>
      <c r="F20" s="34" t="s">
        <v>661</v>
      </c>
      <c r="G20" s="34" t="s">
        <v>374</v>
      </c>
      <c r="O20" s="4"/>
      <c r="P20" s="4"/>
    </row>
    <row r="21" spans="1:16" ht="19.5" customHeight="1" x14ac:dyDescent="0.3">
      <c r="A21" s="30">
        <v>15</v>
      </c>
      <c r="B21" s="31" t="str">
        <f>'[1]WORKING LIST 2024'!C357</f>
        <v>Robert McGrath</v>
      </c>
      <c r="C21" s="31" t="str">
        <f>'[1]WORKING LIST 2024'!D357</f>
        <v>Garda</v>
      </c>
      <c r="D21" s="32" t="s">
        <v>249</v>
      </c>
      <c r="E21" s="34" t="s">
        <v>249</v>
      </c>
      <c r="F21" s="34" t="s">
        <v>661</v>
      </c>
      <c r="G21" s="34" t="s">
        <v>375</v>
      </c>
      <c r="O21" s="4"/>
      <c r="P21" s="4"/>
    </row>
    <row r="22" spans="1:16" ht="19.5" customHeight="1" x14ac:dyDescent="0.3">
      <c r="A22" s="30">
        <v>16</v>
      </c>
      <c r="B22" s="31" t="s">
        <v>857</v>
      </c>
      <c r="C22" s="31" t="s">
        <v>147</v>
      </c>
      <c r="D22" s="32" t="s">
        <v>856</v>
      </c>
      <c r="E22" s="34" t="s">
        <v>856</v>
      </c>
      <c r="F22" s="34" t="s">
        <v>661</v>
      </c>
      <c r="G22" s="34" t="s">
        <v>858</v>
      </c>
      <c r="O22" s="4"/>
      <c r="P22" s="4"/>
    </row>
    <row r="23" spans="1:16" ht="19.5" customHeight="1" x14ac:dyDescent="0.3">
      <c r="A23" s="30">
        <v>17</v>
      </c>
      <c r="B23" s="31" t="s">
        <v>128</v>
      </c>
      <c r="C23" s="31" t="s">
        <v>148</v>
      </c>
      <c r="D23" s="32" t="s">
        <v>490</v>
      </c>
      <c r="E23" s="34" t="s">
        <v>490</v>
      </c>
      <c r="F23" s="34" t="s">
        <v>661</v>
      </c>
      <c r="G23" s="34" t="s">
        <v>491</v>
      </c>
      <c r="O23" s="4"/>
      <c r="P23" s="4"/>
    </row>
    <row r="24" spans="1:16" ht="19.5" customHeight="1" x14ac:dyDescent="0.3">
      <c r="A24" s="30">
        <v>18</v>
      </c>
      <c r="B24" s="31" t="s">
        <v>597</v>
      </c>
      <c r="C24" s="31" t="s">
        <v>148</v>
      </c>
      <c r="D24" s="32" t="s">
        <v>250</v>
      </c>
      <c r="E24" s="34" t="s">
        <v>250</v>
      </c>
      <c r="F24" s="34" t="s">
        <v>661</v>
      </c>
      <c r="G24" s="34" t="s">
        <v>376</v>
      </c>
      <c r="O24" s="4"/>
      <c r="P24" s="4"/>
    </row>
    <row r="25" spans="1:16" ht="19.5" customHeight="1" thickBot="1" x14ac:dyDescent="0.35">
      <c r="A25" s="149">
        <v>19</v>
      </c>
      <c r="B25" s="36" t="s">
        <v>129</v>
      </c>
      <c r="C25" s="36" t="s">
        <v>148</v>
      </c>
      <c r="D25" s="37" t="s">
        <v>250</v>
      </c>
      <c r="E25" s="38" t="s">
        <v>250</v>
      </c>
      <c r="F25" s="38" t="s">
        <v>661</v>
      </c>
      <c r="G25" s="38" t="s">
        <v>376</v>
      </c>
      <c r="O25" s="4"/>
      <c r="P25" s="4"/>
    </row>
    <row r="26" spans="1:16" ht="24.75" customHeight="1" thickBot="1" x14ac:dyDescent="0.3">
      <c r="A26" s="221" t="s">
        <v>602</v>
      </c>
      <c r="B26" s="222"/>
      <c r="C26" s="222"/>
      <c r="D26" s="222"/>
      <c r="E26" s="222"/>
      <c r="F26" s="222"/>
      <c r="G26" s="223"/>
    </row>
    <row r="27" spans="1:16" ht="19.5" thickBot="1" x14ac:dyDescent="0.3">
      <c r="A27" s="7" t="s">
        <v>392</v>
      </c>
      <c r="B27" s="8" t="s">
        <v>0</v>
      </c>
      <c r="C27" s="7" t="s">
        <v>146</v>
      </c>
      <c r="D27" s="8" t="s">
        <v>151</v>
      </c>
      <c r="E27" s="8" t="s">
        <v>264</v>
      </c>
      <c r="F27" s="8" t="s">
        <v>272</v>
      </c>
      <c r="G27" s="8" t="s">
        <v>282</v>
      </c>
    </row>
    <row r="28" spans="1:16" ht="24" customHeight="1" x14ac:dyDescent="0.3">
      <c r="A28" s="40">
        <v>20</v>
      </c>
      <c r="B28" s="189" t="s">
        <v>665</v>
      </c>
      <c r="C28" s="42" t="s">
        <v>148</v>
      </c>
      <c r="D28" s="162" t="s">
        <v>840</v>
      </c>
      <c r="E28" s="42" t="s">
        <v>648</v>
      </c>
      <c r="F28" s="42" t="s">
        <v>273</v>
      </c>
      <c r="G28" s="42" t="s">
        <v>286</v>
      </c>
    </row>
    <row r="29" spans="1:16" ht="18.75" x14ac:dyDescent="0.3">
      <c r="A29" s="22">
        <v>21</v>
      </c>
      <c r="B29" s="23" t="s">
        <v>666</v>
      </c>
      <c r="C29" s="24" t="s">
        <v>148</v>
      </c>
      <c r="D29" s="147" t="s">
        <v>840</v>
      </c>
      <c r="E29" s="24" t="s">
        <v>648</v>
      </c>
      <c r="F29" s="24" t="s">
        <v>273</v>
      </c>
      <c r="G29" s="24" t="str">
        <f>$G$28</f>
        <v>(021) 4522000</v>
      </c>
    </row>
    <row r="30" spans="1:16" ht="18.75" x14ac:dyDescent="0.3">
      <c r="A30" s="22">
        <v>22</v>
      </c>
      <c r="B30" s="23" t="s">
        <v>291</v>
      </c>
      <c r="C30" s="24" t="s">
        <v>148</v>
      </c>
      <c r="D30" s="147" t="s">
        <v>840</v>
      </c>
      <c r="E30" s="24" t="s">
        <v>648</v>
      </c>
      <c r="F30" s="24" t="s">
        <v>273</v>
      </c>
      <c r="G30" s="24" t="s">
        <v>286</v>
      </c>
    </row>
    <row r="31" spans="1:16" ht="18.75" x14ac:dyDescent="0.3">
      <c r="A31" s="22">
        <v>23</v>
      </c>
      <c r="B31" s="23" t="s">
        <v>5</v>
      </c>
      <c r="C31" s="24" t="s">
        <v>148</v>
      </c>
      <c r="D31" s="147" t="s">
        <v>840</v>
      </c>
      <c r="E31" s="24" t="s">
        <v>648</v>
      </c>
      <c r="F31" s="24" t="s">
        <v>273</v>
      </c>
      <c r="G31" s="24" t="s">
        <v>286</v>
      </c>
    </row>
    <row r="32" spans="1:16" ht="18.75" x14ac:dyDescent="0.3">
      <c r="A32" s="22">
        <v>24</v>
      </c>
      <c r="B32" s="23" t="s">
        <v>667</v>
      </c>
      <c r="C32" s="24" t="s">
        <v>148</v>
      </c>
      <c r="D32" s="147" t="s">
        <v>158</v>
      </c>
      <c r="E32" s="24" t="s">
        <v>648</v>
      </c>
      <c r="F32" s="24" t="s">
        <v>273</v>
      </c>
      <c r="G32" s="24" t="s">
        <v>292</v>
      </c>
    </row>
    <row r="33" spans="1:16" ht="18.75" x14ac:dyDescent="0.3">
      <c r="A33" s="22">
        <v>25</v>
      </c>
      <c r="B33" s="23" t="s">
        <v>7</v>
      </c>
      <c r="C33" s="24" t="s">
        <v>148</v>
      </c>
      <c r="D33" s="147" t="s">
        <v>159</v>
      </c>
      <c r="E33" s="24" t="s">
        <v>648</v>
      </c>
      <c r="F33" s="24" t="s">
        <v>273</v>
      </c>
      <c r="G33" s="24" t="s">
        <v>855</v>
      </c>
    </row>
    <row r="34" spans="1:16" ht="18.75" x14ac:dyDescent="0.3">
      <c r="A34" s="22">
        <v>26</v>
      </c>
      <c r="B34" s="23" t="s">
        <v>394</v>
      </c>
      <c r="C34" s="24" t="s">
        <v>148</v>
      </c>
      <c r="D34" s="147" t="s">
        <v>161</v>
      </c>
      <c r="E34" s="24" t="s">
        <v>649</v>
      </c>
      <c r="F34" s="24" t="s">
        <v>273</v>
      </c>
      <c r="G34" s="24" t="s">
        <v>456</v>
      </c>
    </row>
    <row r="35" spans="1:16" ht="18.75" x14ac:dyDescent="0.3">
      <c r="A35" s="22">
        <v>27</v>
      </c>
      <c r="B35" s="23" t="s">
        <v>668</v>
      </c>
      <c r="C35" s="24" t="str">
        <f>$C$462</f>
        <v>Garda</v>
      </c>
      <c r="D35" s="147" t="str">
        <f>$D$34</f>
        <v>Glanmire</v>
      </c>
      <c r="E35" s="24" t="s">
        <v>649</v>
      </c>
      <c r="F35" s="24" t="str">
        <f>$F$34</f>
        <v>Cork City</v>
      </c>
      <c r="G35" s="24" t="str">
        <f>$G$34</f>
        <v>(021) 4556370</v>
      </c>
    </row>
    <row r="36" spans="1:16" ht="18.75" x14ac:dyDescent="0.3">
      <c r="A36" s="22">
        <v>28</v>
      </c>
      <c r="B36" s="23" t="s">
        <v>295</v>
      </c>
      <c r="C36" s="24" t="s">
        <v>148</v>
      </c>
      <c r="D36" s="147" t="s">
        <v>161</v>
      </c>
      <c r="E36" s="24" t="s">
        <v>649</v>
      </c>
      <c r="F36" s="24" t="s">
        <v>273</v>
      </c>
      <c r="G36" s="24" t="s">
        <v>456</v>
      </c>
    </row>
    <row r="37" spans="1:16" ht="18.75" x14ac:dyDescent="0.3">
      <c r="A37" s="22">
        <v>29</v>
      </c>
      <c r="B37" s="23" t="s">
        <v>294</v>
      </c>
      <c r="C37" s="24" t="s">
        <v>148</v>
      </c>
      <c r="D37" s="147" t="s">
        <v>157</v>
      </c>
      <c r="E37" s="24" t="s">
        <v>649</v>
      </c>
      <c r="F37" s="24" t="s">
        <v>273</v>
      </c>
      <c r="G37" s="24" t="s">
        <v>290</v>
      </c>
    </row>
    <row r="38" spans="1:16" ht="18.75" x14ac:dyDescent="0.3">
      <c r="A38" s="22">
        <v>30</v>
      </c>
      <c r="B38" s="23" t="s">
        <v>289</v>
      </c>
      <c r="C38" s="24" t="s">
        <v>148</v>
      </c>
      <c r="D38" s="147" t="s">
        <v>157</v>
      </c>
      <c r="E38" s="24" t="s">
        <v>649</v>
      </c>
      <c r="F38" s="24" t="s">
        <v>273</v>
      </c>
      <c r="G38" s="24" t="s">
        <v>290</v>
      </c>
    </row>
    <row r="39" spans="1:16" ht="18.75" x14ac:dyDescent="0.3">
      <c r="A39" s="22">
        <v>31</v>
      </c>
      <c r="B39" s="23" t="s">
        <v>8</v>
      </c>
      <c r="C39" s="24" t="s">
        <v>148</v>
      </c>
      <c r="D39" s="147" t="s">
        <v>160</v>
      </c>
      <c r="E39" s="24" t="s">
        <v>649</v>
      </c>
      <c r="F39" s="24" t="s">
        <v>273</v>
      </c>
      <c r="G39" s="24" t="s">
        <v>293</v>
      </c>
    </row>
    <row r="40" spans="1:16" ht="18.75" x14ac:dyDescent="0.3">
      <c r="A40" s="22">
        <v>32</v>
      </c>
      <c r="B40" s="23" t="s">
        <v>9</v>
      </c>
      <c r="C40" s="24" t="s">
        <v>148</v>
      </c>
      <c r="D40" s="147" t="s">
        <v>162</v>
      </c>
      <c r="E40" s="24" t="s">
        <v>649</v>
      </c>
      <c r="F40" s="24" t="s">
        <v>273</v>
      </c>
      <c r="G40" s="24" t="s">
        <v>603</v>
      </c>
      <c r="H40" s="1"/>
      <c r="I40" s="2"/>
      <c r="J40" s="1"/>
      <c r="K40" s="1"/>
      <c r="L40" s="1"/>
      <c r="M40" s="1"/>
      <c r="N40" s="1"/>
      <c r="O40" s="4"/>
      <c r="P40" s="4"/>
    </row>
    <row r="41" spans="1:16" ht="18.75" x14ac:dyDescent="0.3">
      <c r="A41" s="22">
        <v>33</v>
      </c>
      <c r="B41" s="23" t="s">
        <v>10</v>
      </c>
      <c r="C41" s="24" t="s">
        <v>148</v>
      </c>
      <c r="D41" s="147" t="s">
        <v>162</v>
      </c>
      <c r="E41" s="24" t="s">
        <v>649</v>
      </c>
      <c r="F41" s="24" t="s">
        <v>273</v>
      </c>
      <c r="G41" s="24" t="s">
        <v>603</v>
      </c>
    </row>
    <row r="42" spans="1:16" ht="18.75" x14ac:dyDescent="0.3">
      <c r="A42" s="22">
        <v>34</v>
      </c>
      <c r="B42" s="23" t="s">
        <v>669</v>
      </c>
      <c r="C42" s="24" t="str">
        <f>$C$449</f>
        <v>Garda</v>
      </c>
      <c r="D42" s="147" t="str">
        <f>$D$41</f>
        <v>Gurranabraher</v>
      </c>
      <c r="E42" s="24" t="s">
        <v>649</v>
      </c>
      <c r="F42" s="24" t="s">
        <v>273</v>
      </c>
      <c r="G42" s="24" t="s">
        <v>603</v>
      </c>
    </row>
    <row r="43" spans="1:16" ht="18.75" x14ac:dyDescent="0.3">
      <c r="A43" s="22">
        <v>35</v>
      </c>
      <c r="B43" s="23" t="s">
        <v>11</v>
      </c>
      <c r="C43" s="24" t="s">
        <v>148</v>
      </c>
      <c r="D43" s="147" t="s">
        <v>163</v>
      </c>
      <c r="E43" s="24" t="s">
        <v>649</v>
      </c>
      <c r="F43" s="24" t="s">
        <v>273</v>
      </c>
      <c r="G43" s="24" t="s">
        <v>296</v>
      </c>
    </row>
    <row r="44" spans="1:16" ht="18.75" x14ac:dyDescent="0.3">
      <c r="A44" s="22">
        <v>36</v>
      </c>
      <c r="B44" s="23" t="s">
        <v>12</v>
      </c>
      <c r="C44" s="24" t="s">
        <v>148</v>
      </c>
      <c r="D44" s="147" t="s">
        <v>164</v>
      </c>
      <c r="E44" s="24" t="s">
        <v>649</v>
      </c>
      <c r="F44" s="24" t="s">
        <v>273</v>
      </c>
      <c r="G44" s="24" t="s">
        <v>297</v>
      </c>
    </row>
    <row r="45" spans="1:16" ht="18.75" x14ac:dyDescent="0.3">
      <c r="A45" s="22">
        <v>37</v>
      </c>
      <c r="B45" s="23" t="s">
        <v>288</v>
      </c>
      <c r="C45" s="24" t="s">
        <v>148</v>
      </c>
      <c r="D45" s="147" t="s">
        <v>156</v>
      </c>
      <c r="E45" s="24" t="s">
        <v>650</v>
      </c>
      <c r="F45" s="24" t="s">
        <v>273</v>
      </c>
      <c r="G45" s="24" t="s">
        <v>287</v>
      </c>
    </row>
    <row r="46" spans="1:16" ht="18.75" x14ac:dyDescent="0.3">
      <c r="A46" s="22">
        <v>38</v>
      </c>
      <c r="B46" s="24" t="s">
        <v>14</v>
      </c>
      <c r="C46" s="24" t="s">
        <v>148</v>
      </c>
      <c r="D46" s="147" t="s">
        <v>165</v>
      </c>
      <c r="E46" s="24" t="s">
        <v>650</v>
      </c>
      <c r="F46" s="24" t="s">
        <v>273</v>
      </c>
      <c r="G46" s="24" t="s">
        <v>594</v>
      </c>
    </row>
    <row r="47" spans="1:16" ht="18.75" x14ac:dyDescent="0.3">
      <c r="A47" s="22">
        <v>39</v>
      </c>
      <c r="B47" s="23" t="s">
        <v>670</v>
      </c>
      <c r="C47" s="24" t="s">
        <v>148</v>
      </c>
      <c r="D47" s="147" t="s">
        <v>501</v>
      </c>
      <c r="E47" s="24" t="s">
        <v>650</v>
      </c>
      <c r="F47" s="24" t="s">
        <v>273</v>
      </c>
      <c r="G47" s="24" t="s">
        <v>502</v>
      </c>
    </row>
    <row r="48" spans="1:16" ht="19.5" thickBot="1" x14ac:dyDescent="0.35">
      <c r="A48" s="44">
        <v>40</v>
      </c>
      <c r="B48" s="45" t="s">
        <v>671</v>
      </c>
      <c r="C48" s="46" t="str">
        <f>$C$443</f>
        <v xml:space="preserve">Garda </v>
      </c>
      <c r="D48" s="179" t="str">
        <f>$D$47</f>
        <v xml:space="preserve">Douglas </v>
      </c>
      <c r="E48" s="46" t="s">
        <v>650</v>
      </c>
      <c r="F48" s="46" t="s">
        <v>273</v>
      </c>
      <c r="G48" s="46" t="s">
        <v>502</v>
      </c>
    </row>
    <row r="49" spans="1:7" ht="24.75" customHeight="1" thickBot="1" x14ac:dyDescent="0.3">
      <c r="A49" s="221" t="s">
        <v>883</v>
      </c>
      <c r="B49" s="222"/>
      <c r="C49" s="222"/>
      <c r="D49" s="222"/>
      <c r="E49" s="222"/>
      <c r="F49" s="222"/>
      <c r="G49" s="223"/>
    </row>
    <row r="50" spans="1:7" ht="19.5" thickBot="1" x14ac:dyDescent="0.3">
      <c r="A50" s="8" t="s">
        <v>392</v>
      </c>
      <c r="B50" s="8" t="s">
        <v>0</v>
      </c>
      <c r="C50" s="8" t="s">
        <v>146</v>
      </c>
      <c r="D50" s="8" t="s">
        <v>151</v>
      </c>
      <c r="E50" s="8" t="s">
        <v>264</v>
      </c>
      <c r="F50" s="8" t="s">
        <v>272</v>
      </c>
      <c r="G50" s="8" t="s">
        <v>282</v>
      </c>
    </row>
    <row r="51" spans="1:7" ht="18.75" x14ac:dyDescent="0.3">
      <c r="A51" s="47">
        <v>41</v>
      </c>
      <c r="B51" s="48" t="s">
        <v>20</v>
      </c>
      <c r="C51" s="48" t="s">
        <v>147</v>
      </c>
      <c r="D51" s="49" t="s">
        <v>172</v>
      </c>
      <c r="E51" s="48" t="s">
        <v>172</v>
      </c>
      <c r="F51" s="48" t="s">
        <v>887</v>
      </c>
      <c r="G51" s="48" t="str">
        <f>$G$53</f>
        <v>(023) 8852200</v>
      </c>
    </row>
    <row r="52" spans="1:7" ht="18.75" x14ac:dyDescent="0.3">
      <c r="A52" s="52">
        <v>42</v>
      </c>
      <c r="B52" s="53" t="s">
        <v>678</v>
      </c>
      <c r="C52" s="53" t="s">
        <v>147</v>
      </c>
      <c r="D52" s="54" t="s">
        <v>172</v>
      </c>
      <c r="E52" s="53" t="s">
        <v>172</v>
      </c>
      <c r="F52" s="53" t="s">
        <v>887</v>
      </c>
      <c r="G52" s="53" t="s">
        <v>302</v>
      </c>
    </row>
    <row r="53" spans="1:7" ht="18.75" x14ac:dyDescent="0.3">
      <c r="A53" s="52">
        <v>43</v>
      </c>
      <c r="B53" s="53" t="s">
        <v>21</v>
      </c>
      <c r="C53" s="53" t="s">
        <v>149</v>
      </c>
      <c r="D53" s="54" t="s">
        <v>172</v>
      </c>
      <c r="E53" s="53" t="s">
        <v>172</v>
      </c>
      <c r="F53" s="53" t="str">
        <f>$F$52</f>
        <v>Cork County</v>
      </c>
      <c r="G53" s="53" t="s">
        <v>302</v>
      </c>
    </row>
    <row r="54" spans="1:7" ht="18.75" x14ac:dyDescent="0.3">
      <c r="A54" s="52">
        <v>44</v>
      </c>
      <c r="B54" s="53" t="s">
        <v>672</v>
      </c>
      <c r="C54" s="53" t="s">
        <v>149</v>
      </c>
      <c r="D54" s="54" t="s">
        <v>172</v>
      </c>
      <c r="E54" s="53" t="str">
        <f>$E$53</f>
        <v>Bandon</v>
      </c>
      <c r="F54" s="53" t="str">
        <f>$F$52</f>
        <v>Cork County</v>
      </c>
      <c r="G54" s="53" t="str">
        <f>$G$53</f>
        <v>(023) 8852200</v>
      </c>
    </row>
    <row r="55" spans="1:7" ht="18.75" x14ac:dyDescent="0.3">
      <c r="A55" s="52">
        <v>45</v>
      </c>
      <c r="B55" s="53" t="s">
        <v>674</v>
      </c>
      <c r="C55" s="53" t="s">
        <v>149</v>
      </c>
      <c r="D55" s="54" t="s">
        <v>172</v>
      </c>
      <c r="E55" s="53" t="s">
        <v>172</v>
      </c>
      <c r="F55" s="53" t="str">
        <f>$F$52</f>
        <v>Cork County</v>
      </c>
      <c r="G55" s="53" t="str">
        <f>$G$51</f>
        <v>(023) 8852200</v>
      </c>
    </row>
    <row r="56" spans="1:7" ht="18.75" x14ac:dyDescent="0.3">
      <c r="A56" s="52">
        <v>46</v>
      </c>
      <c r="B56" s="53" t="s">
        <v>23</v>
      </c>
      <c r="C56" s="53" t="s">
        <v>148</v>
      </c>
      <c r="D56" s="54" t="str">
        <f>$D$55</f>
        <v>Bandon</v>
      </c>
      <c r="E56" s="53" t="str">
        <f>$D$55</f>
        <v>Bandon</v>
      </c>
      <c r="F56" s="53" t="str">
        <f>F51</f>
        <v>Cork County</v>
      </c>
      <c r="G56" s="53" t="str">
        <f>$G$55</f>
        <v>(023) 8852200</v>
      </c>
    </row>
    <row r="57" spans="1:7" ht="18.75" x14ac:dyDescent="0.3">
      <c r="A57" s="52">
        <v>47</v>
      </c>
      <c r="B57" s="53" t="s">
        <v>675</v>
      </c>
      <c r="C57" s="53" t="s">
        <v>148</v>
      </c>
      <c r="D57" s="54" t="s">
        <v>676</v>
      </c>
      <c r="E57" s="53" t="s">
        <v>172</v>
      </c>
      <c r="F57" s="53" t="str">
        <f>F52</f>
        <v>Cork County</v>
      </c>
      <c r="G57" s="53" t="s">
        <v>837</v>
      </c>
    </row>
    <row r="58" spans="1:7" ht="18.75" x14ac:dyDescent="0.3">
      <c r="A58" s="52">
        <v>48</v>
      </c>
      <c r="B58" s="53" t="s">
        <v>891</v>
      </c>
      <c r="C58" s="53" t="s">
        <v>148</v>
      </c>
      <c r="D58" s="54" t="s">
        <v>171</v>
      </c>
      <c r="E58" s="53" t="s">
        <v>171</v>
      </c>
      <c r="F58" s="53" t="str">
        <f>F53</f>
        <v>Cork County</v>
      </c>
      <c r="G58" s="53" t="s">
        <v>890</v>
      </c>
    </row>
    <row r="59" spans="1:7" ht="18.75" x14ac:dyDescent="0.3">
      <c r="A59" s="52">
        <v>49</v>
      </c>
      <c r="B59" s="53" t="s">
        <v>22</v>
      </c>
      <c r="C59" s="53" t="s">
        <v>148</v>
      </c>
      <c r="D59" s="54" t="s">
        <v>173</v>
      </c>
      <c r="E59" s="53" t="s">
        <v>173</v>
      </c>
      <c r="F59" s="53" t="str">
        <f>F53</f>
        <v>Cork County</v>
      </c>
      <c r="G59" s="53" t="s">
        <v>303</v>
      </c>
    </row>
    <row r="60" spans="1:7" ht="18.75" x14ac:dyDescent="0.3">
      <c r="A60" s="52">
        <v>50</v>
      </c>
      <c r="B60" s="82" t="s">
        <v>6</v>
      </c>
      <c r="C60" s="53" t="s">
        <v>148</v>
      </c>
      <c r="D60" s="54" t="s">
        <v>174</v>
      </c>
      <c r="E60" s="53" t="str">
        <f>$E$62</f>
        <v>Clonakilty</v>
      </c>
      <c r="F60" s="53" t="str">
        <f>F53</f>
        <v>Cork County</v>
      </c>
      <c r="G60" s="53" t="s">
        <v>305</v>
      </c>
    </row>
    <row r="61" spans="1:7" ht="18.75" x14ac:dyDescent="0.3">
      <c r="A61" s="52">
        <v>51</v>
      </c>
      <c r="B61" s="53" t="s">
        <v>304</v>
      </c>
      <c r="C61" s="53" t="s">
        <v>148</v>
      </c>
      <c r="D61" s="54" t="s">
        <v>174</v>
      </c>
      <c r="E61" s="53" t="str">
        <f>$E$62</f>
        <v>Clonakilty</v>
      </c>
      <c r="F61" s="53" t="str">
        <f>F54</f>
        <v>Cork County</v>
      </c>
      <c r="G61" s="53" t="s">
        <v>305</v>
      </c>
    </row>
    <row r="62" spans="1:7" ht="18.75" x14ac:dyDescent="0.3">
      <c r="A62" s="52">
        <v>52</v>
      </c>
      <c r="B62" s="53" t="s">
        <v>677</v>
      </c>
      <c r="C62" s="53" t="s">
        <v>148</v>
      </c>
      <c r="D62" s="54" t="s">
        <v>174</v>
      </c>
      <c r="E62" s="53" t="s">
        <v>174</v>
      </c>
      <c r="F62" s="53" t="str">
        <f>F55</f>
        <v>Cork County</v>
      </c>
      <c r="G62" s="53" t="s">
        <v>305</v>
      </c>
    </row>
    <row r="63" spans="1:7" ht="18.75" x14ac:dyDescent="0.3">
      <c r="A63" s="52">
        <v>53</v>
      </c>
      <c r="B63" s="53" t="s">
        <v>702</v>
      </c>
      <c r="C63" s="53" t="s">
        <v>703</v>
      </c>
      <c r="D63" s="54" t="s">
        <v>174</v>
      </c>
      <c r="E63" s="53" t="s">
        <v>174</v>
      </c>
      <c r="F63" s="53" t="str">
        <f>F55</f>
        <v>Cork County</v>
      </c>
      <c r="G63" s="53" t="str">
        <f>$G$62</f>
        <v>(023) 8821570</v>
      </c>
    </row>
    <row r="64" spans="1:7" ht="16.5" customHeight="1" x14ac:dyDescent="0.3">
      <c r="A64" s="52">
        <v>54</v>
      </c>
      <c r="B64" s="53" t="s">
        <v>590</v>
      </c>
      <c r="C64" s="53" t="s">
        <v>148</v>
      </c>
      <c r="D64" s="54" t="s">
        <v>838</v>
      </c>
      <c r="E64" s="53" t="s">
        <v>174</v>
      </c>
      <c r="F64" s="53" t="str">
        <f t="shared" ref="F64:F73" si="1">$F$63</f>
        <v>Cork County</v>
      </c>
      <c r="G64" s="53" t="s">
        <v>839</v>
      </c>
    </row>
    <row r="65" spans="1:8" ht="18.75" x14ac:dyDescent="0.3">
      <c r="A65" s="52">
        <v>55</v>
      </c>
      <c r="B65" s="53" t="s">
        <v>15</v>
      </c>
      <c r="C65" s="53" t="s">
        <v>148</v>
      </c>
      <c r="D65" s="54" t="s">
        <v>166</v>
      </c>
      <c r="E65" s="53" t="s">
        <v>265</v>
      </c>
      <c r="F65" s="53" t="str">
        <f t="shared" si="1"/>
        <v>Cork County</v>
      </c>
      <c r="G65" s="53" t="s">
        <v>298</v>
      </c>
    </row>
    <row r="66" spans="1:8" ht="18.75" x14ac:dyDescent="0.3">
      <c r="A66" s="52">
        <v>56</v>
      </c>
      <c r="B66" s="53" t="s">
        <v>18</v>
      </c>
      <c r="C66" s="53" t="s">
        <v>148</v>
      </c>
      <c r="D66" s="54" t="str">
        <f>$D$67</f>
        <v>Mitchelstown</v>
      </c>
      <c r="E66" s="53" t="s">
        <v>265</v>
      </c>
      <c r="F66" s="53" t="str">
        <f t="shared" si="1"/>
        <v>Cork County</v>
      </c>
      <c r="G66" s="53" t="s">
        <v>299</v>
      </c>
    </row>
    <row r="67" spans="1:8" ht="18.75" x14ac:dyDescent="0.3">
      <c r="A67" s="52">
        <v>57</v>
      </c>
      <c r="B67" s="53" t="s">
        <v>16</v>
      </c>
      <c r="C67" s="53" t="s">
        <v>148</v>
      </c>
      <c r="D67" s="54" t="s">
        <v>167</v>
      </c>
      <c r="E67" s="53" t="s">
        <v>265</v>
      </c>
      <c r="F67" s="53" t="str">
        <f t="shared" si="1"/>
        <v>Cork County</v>
      </c>
      <c r="G67" s="53" t="s">
        <v>299</v>
      </c>
    </row>
    <row r="68" spans="1:8" ht="18.75" x14ac:dyDescent="0.3">
      <c r="A68" s="52">
        <v>58</v>
      </c>
      <c r="B68" s="53" t="s">
        <v>17</v>
      </c>
      <c r="C68" s="53" t="s">
        <v>148</v>
      </c>
      <c r="D68" s="54" t="s">
        <v>888</v>
      </c>
      <c r="E68" s="53" t="s">
        <v>265</v>
      </c>
      <c r="F68" s="53" t="str">
        <f t="shared" si="1"/>
        <v>Cork County</v>
      </c>
      <c r="G68" s="53" t="s">
        <v>298</v>
      </c>
    </row>
    <row r="69" spans="1:8" ht="18.75" x14ac:dyDescent="0.3">
      <c r="A69" s="52">
        <v>59</v>
      </c>
      <c r="B69" s="53" t="s">
        <v>19</v>
      </c>
      <c r="C69" s="53" t="s">
        <v>147</v>
      </c>
      <c r="D69" s="146" t="s">
        <v>168</v>
      </c>
      <c r="E69" s="53" t="s">
        <v>169</v>
      </c>
      <c r="F69" s="53" t="str">
        <f t="shared" si="1"/>
        <v>Cork County</v>
      </c>
      <c r="G69" s="53" t="s">
        <v>300</v>
      </c>
    </row>
    <row r="70" spans="1:8" ht="18.75" x14ac:dyDescent="0.3">
      <c r="A70" s="52">
        <v>60</v>
      </c>
      <c r="B70" s="53" t="s">
        <v>495</v>
      </c>
      <c r="C70" s="53" t="s">
        <v>148</v>
      </c>
      <c r="D70" s="54" t="s">
        <v>169</v>
      </c>
      <c r="E70" s="53" t="s">
        <v>169</v>
      </c>
      <c r="F70" s="53" t="str">
        <f t="shared" si="1"/>
        <v>Cork County</v>
      </c>
      <c r="G70" s="53" t="s">
        <v>301</v>
      </c>
    </row>
    <row r="71" spans="1:8" ht="18.75" x14ac:dyDescent="0.3">
      <c r="A71" s="52">
        <v>61</v>
      </c>
      <c r="B71" s="53" t="s">
        <v>679</v>
      </c>
      <c r="C71" s="53" t="s">
        <v>148</v>
      </c>
      <c r="D71" s="54" t="s">
        <v>169</v>
      </c>
      <c r="E71" s="53" t="s">
        <v>169</v>
      </c>
      <c r="F71" s="53" t="str">
        <f t="shared" si="1"/>
        <v>Cork County</v>
      </c>
      <c r="G71" s="53" t="s">
        <v>301</v>
      </c>
    </row>
    <row r="72" spans="1:8" ht="18.75" x14ac:dyDescent="0.3">
      <c r="A72" s="52">
        <v>62</v>
      </c>
      <c r="B72" s="53" t="s">
        <v>587</v>
      </c>
      <c r="C72" s="53" t="s">
        <v>148</v>
      </c>
      <c r="D72" s="54" t="s">
        <v>168</v>
      </c>
      <c r="E72" s="53" t="s">
        <v>169</v>
      </c>
      <c r="F72" s="53" t="str">
        <f t="shared" si="1"/>
        <v>Cork County</v>
      </c>
      <c r="G72" s="53" t="s">
        <v>300</v>
      </c>
    </row>
    <row r="73" spans="1:8" ht="18.75" x14ac:dyDescent="0.3">
      <c r="A73" s="52">
        <v>63</v>
      </c>
      <c r="B73" s="53" t="s">
        <v>496</v>
      </c>
      <c r="C73" s="53" t="s">
        <v>148</v>
      </c>
      <c r="D73" s="54" t="s">
        <v>170</v>
      </c>
      <c r="E73" s="53" t="s">
        <v>169</v>
      </c>
      <c r="F73" s="53" t="str">
        <f t="shared" si="1"/>
        <v>Cork County</v>
      </c>
      <c r="G73" s="53" t="s">
        <v>301</v>
      </c>
    </row>
    <row r="74" spans="1:8" ht="18.75" x14ac:dyDescent="0.3">
      <c r="A74" s="52">
        <v>64</v>
      </c>
      <c r="B74" s="53" t="s">
        <v>498</v>
      </c>
      <c r="C74" s="53" t="s">
        <v>148</v>
      </c>
      <c r="D74" s="54" t="s">
        <v>497</v>
      </c>
      <c r="E74" s="53" t="s">
        <v>497</v>
      </c>
      <c r="F74" s="53" t="str">
        <f>F66</f>
        <v>Cork County</v>
      </c>
      <c r="G74" s="53" t="s">
        <v>499</v>
      </c>
    </row>
    <row r="75" spans="1:8" ht="19.5" thickBot="1" x14ac:dyDescent="0.35">
      <c r="A75" s="55">
        <v>65</v>
      </c>
      <c r="B75" s="56" t="s">
        <v>673</v>
      </c>
      <c r="C75" s="56" t="s">
        <v>148</v>
      </c>
      <c r="D75" s="57" t="s">
        <v>500</v>
      </c>
      <c r="E75" s="56" t="s">
        <v>497</v>
      </c>
      <c r="F75" s="56" t="s">
        <v>887</v>
      </c>
      <c r="G75" s="56" t="s">
        <v>1014</v>
      </c>
    </row>
    <row r="76" spans="1:8" ht="24.75" customHeight="1" thickBot="1" x14ac:dyDescent="0.3">
      <c r="A76" s="221" t="s">
        <v>884</v>
      </c>
      <c r="B76" s="222"/>
      <c r="C76" s="222"/>
      <c r="D76" s="222"/>
      <c r="E76" s="222"/>
      <c r="F76" s="222"/>
      <c r="G76" s="223"/>
    </row>
    <row r="77" spans="1:8" ht="19.5" thickBot="1" x14ac:dyDescent="0.3">
      <c r="A77" s="8" t="s">
        <v>392</v>
      </c>
      <c r="B77" s="8" t="s">
        <v>0</v>
      </c>
      <c r="C77" s="8" t="s">
        <v>146</v>
      </c>
      <c r="D77" s="8" t="s">
        <v>151</v>
      </c>
      <c r="E77" s="8" t="s">
        <v>264</v>
      </c>
      <c r="F77" s="8" t="s">
        <v>272</v>
      </c>
      <c r="G77" s="8" t="s">
        <v>282</v>
      </c>
      <c r="H77" s="4"/>
    </row>
    <row r="78" spans="1:8" ht="18.75" x14ac:dyDescent="0.3">
      <c r="A78" s="93">
        <v>66</v>
      </c>
      <c r="B78" s="60" t="s">
        <v>24</v>
      </c>
      <c r="C78" s="60" t="s">
        <v>147</v>
      </c>
      <c r="D78" s="61" t="s">
        <v>548</v>
      </c>
      <c r="E78" s="60" t="s">
        <v>175</v>
      </c>
      <c r="F78" s="60" t="s">
        <v>828</v>
      </c>
      <c r="G78" s="60" t="s">
        <v>984</v>
      </c>
      <c r="H78" s="4"/>
    </row>
    <row r="79" spans="1:8" ht="18.75" x14ac:dyDescent="0.3">
      <c r="A79" s="62">
        <v>67</v>
      </c>
      <c r="B79" s="64" t="s">
        <v>25</v>
      </c>
      <c r="C79" s="64" t="s">
        <v>148</v>
      </c>
      <c r="D79" s="65" t="s">
        <v>175</v>
      </c>
      <c r="E79" s="64" t="s">
        <v>175</v>
      </c>
      <c r="F79" s="64" t="s">
        <v>828</v>
      </c>
      <c r="G79" s="64" t="s">
        <v>306</v>
      </c>
      <c r="H79" s="4"/>
    </row>
    <row r="80" spans="1:8" ht="18.75" x14ac:dyDescent="0.3">
      <c r="A80" s="62">
        <v>68</v>
      </c>
      <c r="B80" s="64" t="s">
        <v>683</v>
      </c>
      <c r="C80" s="64" t="s">
        <v>148</v>
      </c>
      <c r="D80" s="65" t="s">
        <v>548</v>
      </c>
      <c r="E80" s="64" t="s">
        <v>548</v>
      </c>
      <c r="F80" s="64" t="s">
        <v>828</v>
      </c>
      <c r="G80" s="64" t="s">
        <v>306</v>
      </c>
      <c r="H80" s="4"/>
    </row>
    <row r="81" spans="1:8" ht="18.75" x14ac:dyDescent="0.3">
      <c r="A81" s="62">
        <v>69</v>
      </c>
      <c r="B81" s="64" t="s">
        <v>694</v>
      </c>
      <c r="C81" s="64" t="s">
        <v>148</v>
      </c>
      <c r="D81" s="65" t="s">
        <v>175</v>
      </c>
      <c r="E81" s="64" t="s">
        <v>175</v>
      </c>
      <c r="F81" s="64" t="s">
        <v>828</v>
      </c>
      <c r="G81" s="64" t="s">
        <v>306</v>
      </c>
      <c r="H81" s="4"/>
    </row>
    <row r="82" spans="1:8" ht="18.75" x14ac:dyDescent="0.3">
      <c r="A82" s="62">
        <v>70</v>
      </c>
      <c r="B82" s="64" t="s">
        <v>26</v>
      </c>
      <c r="C82" s="64" t="s">
        <v>148</v>
      </c>
      <c r="D82" s="65" t="s">
        <v>176</v>
      </c>
      <c r="E82" s="64" t="s">
        <v>175</v>
      </c>
      <c r="F82" s="64" t="s">
        <v>828</v>
      </c>
      <c r="G82" s="64" t="s">
        <v>307</v>
      </c>
      <c r="H82" s="4"/>
    </row>
    <row r="83" spans="1:8" ht="18.75" x14ac:dyDescent="0.3">
      <c r="A83" s="62">
        <v>71</v>
      </c>
      <c r="B83" s="64" t="s">
        <v>684</v>
      </c>
      <c r="C83" s="64" t="s">
        <v>148</v>
      </c>
      <c r="D83" s="65" t="s">
        <v>685</v>
      </c>
      <c r="E83" s="64" t="s">
        <v>548</v>
      </c>
      <c r="F83" s="64" t="s">
        <v>828</v>
      </c>
      <c r="G83" s="64" t="s">
        <v>307</v>
      </c>
      <c r="H83" s="4"/>
    </row>
    <row r="84" spans="1:8" ht="18.75" x14ac:dyDescent="0.3">
      <c r="A84" s="62">
        <v>72</v>
      </c>
      <c r="B84" s="64" t="s">
        <v>695</v>
      </c>
      <c r="C84" s="64" t="s">
        <v>149</v>
      </c>
      <c r="D84" s="65" t="s">
        <v>176</v>
      </c>
      <c r="E84" s="64" t="s">
        <v>175</v>
      </c>
      <c r="F84" s="64" t="s">
        <v>828</v>
      </c>
      <c r="G84" s="64" t="s">
        <v>307</v>
      </c>
      <c r="H84" s="4"/>
    </row>
    <row r="85" spans="1:8" ht="18.75" x14ac:dyDescent="0.3">
      <c r="A85" s="62">
        <v>73</v>
      </c>
      <c r="B85" s="66" t="s">
        <v>27</v>
      </c>
      <c r="C85" s="64" t="s">
        <v>147</v>
      </c>
      <c r="D85" s="65" t="s">
        <v>985</v>
      </c>
      <c r="E85" s="64" t="s">
        <v>548</v>
      </c>
      <c r="F85" s="64" t="s">
        <v>828</v>
      </c>
      <c r="G85" s="64" t="s">
        <v>986</v>
      </c>
      <c r="H85" s="4"/>
    </row>
    <row r="86" spans="1:8" ht="18.75" x14ac:dyDescent="0.3">
      <c r="A86" s="62">
        <v>74</v>
      </c>
      <c r="B86" s="64" t="s">
        <v>700</v>
      </c>
      <c r="C86" s="64" t="s">
        <v>147</v>
      </c>
      <c r="D86" s="65" t="s">
        <v>687</v>
      </c>
      <c r="E86" s="64" t="s">
        <v>180</v>
      </c>
      <c r="F86" s="64" t="s">
        <v>828</v>
      </c>
      <c r="G86" s="64" t="s">
        <v>547</v>
      </c>
      <c r="H86" s="4"/>
    </row>
    <row r="87" spans="1:8" ht="18.75" x14ac:dyDescent="0.3">
      <c r="A87" s="62">
        <v>75</v>
      </c>
      <c r="B87" s="64" t="s">
        <v>686</v>
      </c>
      <c r="C87" s="64" t="s">
        <v>149</v>
      </c>
      <c r="D87" s="65" t="s">
        <v>687</v>
      </c>
      <c r="E87" s="64" t="s">
        <v>548</v>
      </c>
      <c r="F87" s="64" t="s">
        <v>828</v>
      </c>
      <c r="G87" s="64" t="s">
        <v>547</v>
      </c>
      <c r="H87" s="4"/>
    </row>
    <row r="88" spans="1:8" ht="18.75" x14ac:dyDescent="0.3">
      <c r="A88" s="62">
        <v>76</v>
      </c>
      <c r="B88" s="64" t="s">
        <v>688</v>
      </c>
      <c r="C88" s="64" t="s">
        <v>147</v>
      </c>
      <c r="D88" s="65" t="s">
        <v>689</v>
      </c>
      <c r="E88" s="64" t="s">
        <v>689</v>
      </c>
      <c r="F88" s="64" t="s">
        <v>828</v>
      </c>
      <c r="G88" s="64" t="s">
        <v>308</v>
      </c>
      <c r="H88" s="4"/>
    </row>
    <row r="89" spans="1:8" ht="18.75" x14ac:dyDescent="0.3">
      <c r="A89" s="62">
        <v>77</v>
      </c>
      <c r="B89" s="64" t="s">
        <v>802</v>
      </c>
      <c r="C89" s="64" t="str">
        <f>C203</f>
        <v xml:space="preserve">Garda </v>
      </c>
      <c r="D89" s="65" t="s">
        <v>689</v>
      </c>
      <c r="E89" s="64" t="s">
        <v>689</v>
      </c>
      <c r="F89" s="64" t="s">
        <v>828</v>
      </c>
      <c r="G89" s="64" t="s">
        <v>308</v>
      </c>
      <c r="H89" s="4"/>
    </row>
    <row r="90" spans="1:8" ht="18.75" x14ac:dyDescent="0.3">
      <c r="A90" s="62">
        <v>78</v>
      </c>
      <c r="B90" s="64" t="s">
        <v>28</v>
      </c>
      <c r="C90" s="64" t="s">
        <v>148</v>
      </c>
      <c r="D90" s="65" t="s">
        <v>177</v>
      </c>
      <c r="E90" s="64" t="s">
        <v>177</v>
      </c>
      <c r="F90" s="64" t="s">
        <v>828</v>
      </c>
      <c r="G90" s="64" t="s">
        <v>308</v>
      </c>
      <c r="H90" s="4"/>
    </row>
    <row r="91" spans="1:8" ht="18.75" customHeight="1" x14ac:dyDescent="0.3">
      <c r="A91" s="62">
        <v>79</v>
      </c>
      <c r="B91" s="64" t="s">
        <v>690</v>
      </c>
      <c r="C91" s="64" t="s">
        <v>149</v>
      </c>
      <c r="D91" s="65" t="s">
        <v>689</v>
      </c>
      <c r="E91" s="64" t="s">
        <v>689</v>
      </c>
      <c r="F91" s="64" t="s">
        <v>828</v>
      </c>
      <c r="G91" s="64" t="s">
        <v>308</v>
      </c>
      <c r="H91" s="4"/>
    </row>
    <row r="92" spans="1:8" ht="18.75" x14ac:dyDescent="0.3">
      <c r="A92" s="62">
        <v>80</v>
      </c>
      <c r="B92" s="64" t="s">
        <v>696</v>
      </c>
      <c r="C92" s="64" t="s">
        <v>148</v>
      </c>
      <c r="D92" s="65" t="s">
        <v>697</v>
      </c>
      <c r="E92" s="64" t="s">
        <v>177</v>
      </c>
      <c r="F92" s="64" t="s">
        <v>828</v>
      </c>
      <c r="G92" s="64" t="s">
        <v>698</v>
      </c>
      <c r="H92" s="4"/>
    </row>
    <row r="93" spans="1:8" ht="18.75" x14ac:dyDescent="0.3">
      <c r="A93" s="62">
        <v>81</v>
      </c>
      <c r="B93" s="64" t="s">
        <v>29</v>
      </c>
      <c r="C93" s="64" t="s">
        <v>148</v>
      </c>
      <c r="D93" s="64" t="s">
        <v>178</v>
      </c>
      <c r="E93" s="64" t="s">
        <v>177</v>
      </c>
      <c r="F93" s="64" t="s">
        <v>828</v>
      </c>
      <c r="G93" s="64" t="s">
        <v>309</v>
      </c>
      <c r="H93" s="4"/>
    </row>
    <row r="94" spans="1:8" ht="18.75" x14ac:dyDescent="0.3">
      <c r="A94" s="62">
        <v>82</v>
      </c>
      <c r="B94" s="64" t="s">
        <v>699</v>
      </c>
      <c r="C94" s="64" t="s">
        <v>149</v>
      </c>
      <c r="D94" s="64" t="s">
        <v>642</v>
      </c>
      <c r="E94" s="64" t="s">
        <v>177</v>
      </c>
      <c r="F94" s="64" t="s">
        <v>828</v>
      </c>
      <c r="G94" s="64" t="s">
        <v>643</v>
      </c>
      <c r="H94" s="4"/>
    </row>
    <row r="95" spans="1:8" ht="18.75" x14ac:dyDescent="0.3">
      <c r="A95" s="62">
        <v>83</v>
      </c>
      <c r="B95" s="64" t="s">
        <v>691</v>
      </c>
      <c r="C95" s="64" t="s">
        <v>148</v>
      </c>
      <c r="D95" s="65" t="s">
        <v>180</v>
      </c>
      <c r="E95" s="64" t="s">
        <v>180</v>
      </c>
      <c r="F95" s="64" t="s">
        <v>828</v>
      </c>
      <c r="G95" s="64" t="s">
        <v>311</v>
      </c>
      <c r="H95" s="4"/>
    </row>
    <row r="96" spans="1:8" ht="18.75" x14ac:dyDescent="0.3">
      <c r="A96" s="62">
        <v>84</v>
      </c>
      <c r="B96" s="64" t="s">
        <v>589</v>
      </c>
      <c r="C96" s="64" t="s">
        <v>148</v>
      </c>
      <c r="D96" s="65" t="s">
        <v>180</v>
      </c>
      <c r="E96" s="64" t="s">
        <v>180</v>
      </c>
      <c r="F96" s="64" t="s">
        <v>828</v>
      </c>
      <c r="G96" s="64" t="s">
        <v>311</v>
      </c>
      <c r="H96" s="4"/>
    </row>
    <row r="97" spans="1:8" ht="18.75" x14ac:dyDescent="0.3">
      <c r="A97" s="62">
        <v>85</v>
      </c>
      <c r="B97" s="64" t="s">
        <v>33</v>
      </c>
      <c r="C97" s="64" t="s">
        <v>149</v>
      </c>
      <c r="D97" s="65" t="s">
        <v>180</v>
      </c>
      <c r="E97" s="64" t="s">
        <v>180</v>
      </c>
      <c r="F97" s="64" t="s">
        <v>828</v>
      </c>
      <c r="G97" s="64" t="s">
        <v>311</v>
      </c>
      <c r="H97" s="4"/>
    </row>
    <row r="98" spans="1:8" ht="18.75" x14ac:dyDescent="0.3">
      <c r="A98" s="62">
        <v>86</v>
      </c>
      <c r="B98" s="64" t="s">
        <v>32</v>
      </c>
      <c r="C98" s="64" t="s">
        <v>147</v>
      </c>
      <c r="D98" s="65" t="s">
        <v>179</v>
      </c>
      <c r="E98" s="64" t="s">
        <v>180</v>
      </c>
      <c r="F98" s="64" t="s">
        <v>828</v>
      </c>
      <c r="G98" s="64" t="s">
        <v>310</v>
      </c>
      <c r="H98" s="4"/>
    </row>
    <row r="99" spans="1:8" ht="18.75" x14ac:dyDescent="0.3">
      <c r="A99" s="62">
        <v>87</v>
      </c>
      <c r="B99" s="64" t="s">
        <v>30</v>
      </c>
      <c r="C99" s="64" t="s">
        <v>149</v>
      </c>
      <c r="D99" s="65" t="s">
        <v>179</v>
      </c>
      <c r="E99" s="64" t="s">
        <v>180</v>
      </c>
      <c r="F99" s="64" t="s">
        <v>828</v>
      </c>
      <c r="G99" s="64" t="s">
        <v>310</v>
      </c>
      <c r="H99" s="4"/>
    </row>
    <row r="100" spans="1:8" ht="18.75" x14ac:dyDescent="0.3">
      <c r="A100" s="62">
        <v>88</v>
      </c>
      <c r="B100" s="64" t="s">
        <v>31</v>
      </c>
      <c r="C100" s="64" t="s">
        <v>149</v>
      </c>
      <c r="D100" s="65" t="s">
        <v>179</v>
      </c>
      <c r="E100" s="64" t="s">
        <v>180</v>
      </c>
      <c r="F100" s="64" t="s">
        <v>828</v>
      </c>
      <c r="G100" s="64" t="s">
        <v>310</v>
      </c>
      <c r="H100" s="4"/>
    </row>
    <row r="101" spans="1:8" ht="18.75" x14ac:dyDescent="0.3">
      <c r="A101" s="62">
        <v>89</v>
      </c>
      <c r="B101" s="64" t="s">
        <v>680</v>
      </c>
      <c r="C101" s="64" t="s">
        <v>148</v>
      </c>
      <c r="D101" s="65" t="s">
        <v>681</v>
      </c>
      <c r="E101" s="64" t="s">
        <v>182</v>
      </c>
      <c r="F101" s="64" t="s">
        <v>828</v>
      </c>
      <c r="G101" s="64" t="s">
        <v>682</v>
      </c>
      <c r="H101" s="4"/>
    </row>
    <row r="102" spans="1:8" ht="18.75" x14ac:dyDescent="0.3">
      <c r="A102" s="62">
        <v>90</v>
      </c>
      <c r="B102" s="64" t="s">
        <v>34</v>
      </c>
      <c r="C102" s="64" t="s">
        <v>148</v>
      </c>
      <c r="D102" s="65" t="s">
        <v>181</v>
      </c>
      <c r="E102" s="64" t="s">
        <v>182</v>
      </c>
      <c r="F102" s="64" t="s">
        <v>829</v>
      </c>
      <c r="G102" s="64" t="s">
        <v>312</v>
      </c>
      <c r="H102" s="4"/>
    </row>
    <row r="103" spans="1:8" ht="19.5" thickBot="1" x14ac:dyDescent="0.35">
      <c r="A103" s="67">
        <v>91</v>
      </c>
      <c r="B103" s="68" t="s">
        <v>693</v>
      </c>
      <c r="C103" s="68" t="s">
        <v>149</v>
      </c>
      <c r="D103" s="69" t="s">
        <v>644</v>
      </c>
      <c r="E103" s="68" t="s">
        <v>692</v>
      </c>
      <c r="F103" s="68" t="s">
        <v>829</v>
      </c>
      <c r="G103" s="68" t="s">
        <v>546</v>
      </c>
      <c r="H103" s="4"/>
    </row>
    <row r="104" spans="1:8" ht="24.75" customHeight="1" thickBot="1" x14ac:dyDescent="0.3">
      <c r="A104" s="221" t="s">
        <v>831</v>
      </c>
      <c r="B104" s="222"/>
      <c r="C104" s="222"/>
      <c r="D104" s="222"/>
      <c r="E104" s="222"/>
      <c r="F104" s="222"/>
      <c r="G104" s="223"/>
      <c r="H104" s="4"/>
    </row>
    <row r="105" spans="1:8" ht="19.5" thickBot="1" x14ac:dyDescent="0.3">
      <c r="A105" s="7" t="s">
        <v>392</v>
      </c>
      <c r="B105" s="8" t="s">
        <v>0</v>
      </c>
      <c r="C105" s="8" t="s">
        <v>146</v>
      </c>
      <c r="D105" s="8" t="s">
        <v>151</v>
      </c>
      <c r="E105" s="8" t="s">
        <v>264</v>
      </c>
      <c r="F105" s="8" t="s">
        <v>272</v>
      </c>
      <c r="G105" s="8" t="s">
        <v>282</v>
      </c>
    </row>
    <row r="106" spans="1:8" ht="18" customHeight="1" x14ac:dyDescent="0.3">
      <c r="A106" s="10">
        <v>92</v>
      </c>
      <c r="B106" s="150" t="s">
        <v>459</v>
      </c>
      <c r="C106" s="12" t="s">
        <v>147</v>
      </c>
      <c r="D106" s="139" t="s">
        <v>188</v>
      </c>
      <c r="E106" s="12" t="s">
        <v>188</v>
      </c>
      <c r="F106" s="12" t="s">
        <v>275</v>
      </c>
      <c r="G106" s="12" t="s">
        <v>318</v>
      </c>
    </row>
    <row r="107" spans="1:8" ht="18" customHeight="1" x14ac:dyDescent="0.3">
      <c r="A107" s="13">
        <v>93</v>
      </c>
      <c r="B107" s="151" t="s">
        <v>46</v>
      </c>
      <c r="C107" s="11" t="s">
        <v>148</v>
      </c>
      <c r="D107" s="14" t="s">
        <v>188</v>
      </c>
      <c r="E107" s="11" t="s">
        <v>188</v>
      </c>
      <c r="F107" s="11" t="s">
        <v>275</v>
      </c>
      <c r="G107" s="11" t="s">
        <v>318</v>
      </c>
    </row>
    <row r="108" spans="1:8" ht="18" customHeight="1" x14ac:dyDescent="0.3">
      <c r="A108" s="13">
        <v>94</v>
      </c>
      <c r="B108" s="151" t="s">
        <v>432</v>
      </c>
      <c r="C108" s="11" t="s">
        <v>148</v>
      </c>
      <c r="D108" s="14" t="s">
        <v>188</v>
      </c>
      <c r="E108" s="11" t="s">
        <v>188</v>
      </c>
      <c r="F108" s="11" t="s">
        <v>275</v>
      </c>
      <c r="G108" s="11" t="s">
        <v>318</v>
      </c>
    </row>
    <row r="109" spans="1:8" ht="18" customHeight="1" x14ac:dyDescent="0.3">
      <c r="A109" s="13">
        <v>95</v>
      </c>
      <c r="B109" s="151" t="s">
        <v>431</v>
      </c>
      <c r="C109" s="11" t="s">
        <v>148</v>
      </c>
      <c r="D109" s="14" t="s">
        <v>188</v>
      </c>
      <c r="E109" s="11" t="s">
        <v>188</v>
      </c>
      <c r="F109" s="11" t="s">
        <v>275</v>
      </c>
      <c r="G109" s="11" t="s">
        <v>318</v>
      </c>
    </row>
    <row r="110" spans="1:8" ht="18" customHeight="1" x14ac:dyDescent="0.3">
      <c r="A110" s="13">
        <v>96</v>
      </c>
      <c r="B110" s="151" t="s">
        <v>44</v>
      </c>
      <c r="C110" s="11" t="s">
        <v>148</v>
      </c>
      <c r="D110" s="14" t="s">
        <v>188</v>
      </c>
      <c r="E110" s="11" t="s">
        <v>188</v>
      </c>
      <c r="F110" s="11" t="s">
        <v>275</v>
      </c>
      <c r="G110" s="11" t="s">
        <v>318</v>
      </c>
    </row>
    <row r="111" spans="1:8" ht="18" customHeight="1" x14ac:dyDescent="0.3">
      <c r="A111" s="13">
        <v>97</v>
      </c>
      <c r="B111" s="151" t="s">
        <v>428</v>
      </c>
      <c r="C111" s="11" t="s">
        <v>148</v>
      </c>
      <c r="D111" s="14" t="s">
        <v>188</v>
      </c>
      <c r="E111" s="11" t="s">
        <v>188</v>
      </c>
      <c r="F111" s="11" t="s">
        <v>275</v>
      </c>
      <c r="G111" s="11" t="s">
        <v>318</v>
      </c>
    </row>
    <row r="112" spans="1:8" ht="18" customHeight="1" x14ac:dyDescent="0.3">
      <c r="A112" s="13">
        <v>98</v>
      </c>
      <c r="B112" s="151" t="s">
        <v>387</v>
      </c>
      <c r="C112" s="11" t="s">
        <v>148</v>
      </c>
      <c r="D112" s="14" t="s">
        <v>188</v>
      </c>
      <c r="E112" s="11" t="s">
        <v>188</v>
      </c>
      <c r="F112" s="11" t="s">
        <v>275</v>
      </c>
      <c r="G112" s="11" t="s">
        <v>318</v>
      </c>
    </row>
    <row r="113" spans="1:7" ht="18" customHeight="1" x14ac:dyDescent="0.3">
      <c r="A113" s="13">
        <v>99</v>
      </c>
      <c r="B113" s="151" t="s">
        <v>780</v>
      </c>
      <c r="C113" s="11" t="s">
        <v>148</v>
      </c>
      <c r="D113" s="14" t="s">
        <v>188</v>
      </c>
      <c r="E113" s="11" t="s">
        <v>188</v>
      </c>
      <c r="F113" s="11" t="s">
        <v>275</v>
      </c>
      <c r="G113" s="11" t="s">
        <v>318</v>
      </c>
    </row>
    <row r="114" spans="1:7" ht="18" customHeight="1" x14ac:dyDescent="0.3">
      <c r="A114" s="13">
        <v>100</v>
      </c>
      <c r="B114" s="151" t="s">
        <v>776</v>
      </c>
      <c r="C114" s="11" t="s">
        <v>148</v>
      </c>
      <c r="D114" s="14" t="s">
        <v>188</v>
      </c>
      <c r="E114" s="11" t="s">
        <v>188</v>
      </c>
      <c r="F114" s="11" t="s">
        <v>275</v>
      </c>
      <c r="G114" s="11" t="str">
        <f t="shared" ref="G114" si="2">G113</f>
        <v>(01) 8020510</v>
      </c>
    </row>
    <row r="115" spans="1:7" ht="18" customHeight="1" x14ac:dyDescent="0.3">
      <c r="A115" s="13">
        <v>101</v>
      </c>
      <c r="B115" s="151" t="s">
        <v>429</v>
      </c>
      <c r="C115" s="11" t="s">
        <v>148</v>
      </c>
      <c r="D115" s="14" t="s">
        <v>188</v>
      </c>
      <c r="E115" s="11" t="s">
        <v>188</v>
      </c>
      <c r="F115" s="11" t="s">
        <v>275</v>
      </c>
      <c r="G115" s="11" t="s">
        <v>318</v>
      </c>
    </row>
    <row r="116" spans="1:7" ht="18" customHeight="1" x14ac:dyDescent="0.3">
      <c r="A116" s="13">
        <v>102</v>
      </c>
      <c r="B116" s="151" t="s">
        <v>47</v>
      </c>
      <c r="C116" s="11" t="s">
        <v>148</v>
      </c>
      <c r="D116" s="14" t="s">
        <v>188</v>
      </c>
      <c r="E116" s="11" t="s">
        <v>188</v>
      </c>
      <c r="F116" s="11" t="s">
        <v>275</v>
      </c>
      <c r="G116" s="11" t="s">
        <v>318</v>
      </c>
    </row>
    <row r="117" spans="1:7" ht="18" customHeight="1" x14ac:dyDescent="0.3">
      <c r="A117" s="13">
        <v>103</v>
      </c>
      <c r="B117" s="151" t="s">
        <v>430</v>
      </c>
      <c r="C117" s="11" t="s">
        <v>148</v>
      </c>
      <c r="D117" s="14" t="s">
        <v>916</v>
      </c>
      <c r="E117" s="11" t="s">
        <v>188</v>
      </c>
      <c r="F117" s="11" t="s">
        <v>275</v>
      </c>
      <c r="G117" s="11" t="s">
        <v>917</v>
      </c>
    </row>
    <row r="118" spans="1:7" ht="18" customHeight="1" x14ac:dyDescent="0.3">
      <c r="A118" s="13">
        <v>104</v>
      </c>
      <c r="B118" s="151" t="s">
        <v>779</v>
      </c>
      <c r="C118" s="11" t="str">
        <f t="shared" ref="C118:F118" si="3">C117</f>
        <v>Garda</v>
      </c>
      <c r="D118" s="14" t="s">
        <v>189</v>
      </c>
      <c r="E118" s="11" t="str">
        <f t="shared" si="3"/>
        <v>Balbriggan</v>
      </c>
      <c r="F118" s="11" t="str">
        <f t="shared" si="3"/>
        <v>DMR North</v>
      </c>
      <c r="G118" s="11" t="s">
        <v>319</v>
      </c>
    </row>
    <row r="119" spans="1:7" ht="18" customHeight="1" x14ac:dyDescent="0.3">
      <c r="A119" s="13">
        <v>105</v>
      </c>
      <c r="B119" s="151" t="s">
        <v>48</v>
      </c>
      <c r="C119" s="11" t="s">
        <v>148</v>
      </c>
      <c r="D119" s="14" t="s">
        <v>189</v>
      </c>
      <c r="E119" s="11" t="s">
        <v>188</v>
      </c>
      <c r="F119" s="11" t="s">
        <v>275</v>
      </c>
      <c r="G119" s="11" t="s">
        <v>319</v>
      </c>
    </row>
    <row r="120" spans="1:7" ht="18" customHeight="1" x14ac:dyDescent="0.3">
      <c r="A120" s="13">
        <v>106</v>
      </c>
      <c r="B120" s="151" t="s">
        <v>701</v>
      </c>
      <c r="C120" s="11" t="s">
        <v>147</v>
      </c>
      <c r="D120" s="14" t="s">
        <v>266</v>
      </c>
      <c r="E120" s="11" t="s">
        <v>266</v>
      </c>
      <c r="F120" s="11" t="s">
        <v>275</v>
      </c>
      <c r="G120" s="11" t="str">
        <f>$G$122</f>
        <v>(01) 6664400</v>
      </c>
    </row>
    <row r="121" spans="1:7" ht="18" customHeight="1" x14ac:dyDescent="0.3">
      <c r="A121" s="13">
        <v>107</v>
      </c>
      <c r="B121" s="151" t="s">
        <v>763</v>
      </c>
      <c r="C121" s="11" t="s">
        <v>703</v>
      </c>
      <c r="D121" s="14" t="s">
        <v>266</v>
      </c>
      <c r="E121" s="11" t="s">
        <v>266</v>
      </c>
      <c r="F121" s="11" t="s">
        <v>275</v>
      </c>
      <c r="G121" s="11" t="s">
        <v>320</v>
      </c>
    </row>
    <row r="122" spans="1:7" ht="18" customHeight="1" x14ac:dyDescent="0.3">
      <c r="A122" s="13">
        <v>108</v>
      </c>
      <c r="B122" s="151" t="s">
        <v>439</v>
      </c>
      <c r="C122" s="11" t="s">
        <v>148</v>
      </c>
      <c r="D122" s="14" t="s">
        <v>266</v>
      </c>
      <c r="E122" s="11" t="s">
        <v>266</v>
      </c>
      <c r="F122" s="11" t="s">
        <v>275</v>
      </c>
      <c r="G122" s="11" t="s">
        <v>320</v>
      </c>
    </row>
    <row r="123" spans="1:7" ht="18" customHeight="1" x14ac:dyDescent="0.3">
      <c r="A123" s="13">
        <v>109</v>
      </c>
      <c r="B123" s="151" t="s">
        <v>781</v>
      </c>
      <c r="C123" s="11" t="s">
        <v>148</v>
      </c>
      <c r="D123" s="14" t="s">
        <v>266</v>
      </c>
      <c r="E123" s="11" t="s">
        <v>266</v>
      </c>
      <c r="F123" s="11" t="s">
        <v>275</v>
      </c>
      <c r="G123" s="11" t="s">
        <v>320</v>
      </c>
    </row>
    <row r="124" spans="1:7" ht="18" customHeight="1" x14ac:dyDescent="0.3">
      <c r="A124" s="163">
        <v>110</v>
      </c>
      <c r="B124" s="212" t="s">
        <v>764</v>
      </c>
      <c r="C124" s="164" t="s">
        <v>148</v>
      </c>
      <c r="D124" s="165" t="s">
        <v>708</v>
      </c>
      <c r="E124" s="164" t="s">
        <v>266</v>
      </c>
      <c r="F124" s="164" t="s">
        <v>275</v>
      </c>
      <c r="G124" s="164" t="s">
        <v>841</v>
      </c>
    </row>
    <row r="125" spans="1:7" ht="18" customHeight="1" x14ac:dyDescent="0.3">
      <c r="A125" s="163">
        <v>111</v>
      </c>
      <c r="B125" s="212" t="s">
        <v>977</v>
      </c>
      <c r="C125" s="164" t="s">
        <v>148</v>
      </c>
      <c r="D125" s="165" t="s">
        <v>708</v>
      </c>
      <c r="E125" s="164" t="s">
        <v>266</v>
      </c>
      <c r="F125" s="164" t="s">
        <v>275</v>
      </c>
      <c r="G125" s="164" t="s">
        <v>841</v>
      </c>
    </row>
    <row r="126" spans="1:7" ht="18" x14ac:dyDescent="0.3">
      <c r="A126" s="163">
        <v>112</v>
      </c>
      <c r="B126" s="212" t="s">
        <v>768</v>
      </c>
      <c r="C126" s="164" t="s">
        <v>148</v>
      </c>
      <c r="D126" s="165" t="s">
        <v>708</v>
      </c>
      <c r="E126" s="164" t="s">
        <v>266</v>
      </c>
      <c r="F126" s="164" t="s">
        <v>275</v>
      </c>
      <c r="G126" s="164" t="s">
        <v>841</v>
      </c>
    </row>
    <row r="127" spans="1:7" ht="18" x14ac:dyDescent="0.3">
      <c r="A127" s="163">
        <v>113</v>
      </c>
      <c r="B127" s="212" t="s">
        <v>766</v>
      </c>
      <c r="C127" s="164" t="s">
        <v>765</v>
      </c>
      <c r="D127" s="165" t="str">
        <f t="shared" ref="D127:G128" si="4">D129</f>
        <v>Santry</v>
      </c>
      <c r="E127" s="164" t="str">
        <f t="shared" si="4"/>
        <v>Ballymun</v>
      </c>
      <c r="F127" s="164" t="str">
        <f t="shared" si="4"/>
        <v>DMR North</v>
      </c>
      <c r="G127" s="164" t="str">
        <f t="shared" si="4"/>
        <v>(01) 6664000</v>
      </c>
    </row>
    <row r="128" spans="1:7" ht="18" x14ac:dyDescent="0.3">
      <c r="A128" s="163">
        <v>114</v>
      </c>
      <c r="B128" s="212" t="s">
        <v>415</v>
      </c>
      <c r="C128" s="164" t="s">
        <v>148</v>
      </c>
      <c r="D128" s="165" t="str">
        <f t="shared" si="4"/>
        <v>Santry</v>
      </c>
      <c r="E128" s="164" t="s">
        <v>188</v>
      </c>
      <c r="F128" s="164" t="s">
        <v>275</v>
      </c>
      <c r="G128" s="164" t="s">
        <v>441</v>
      </c>
    </row>
    <row r="129" spans="1:7" ht="18" x14ac:dyDescent="0.3">
      <c r="A129" s="163">
        <v>115</v>
      </c>
      <c r="B129" s="212" t="s">
        <v>440</v>
      </c>
      <c r="C129" s="164" t="s">
        <v>148</v>
      </c>
      <c r="D129" s="165" t="s">
        <v>412</v>
      </c>
      <c r="E129" s="164" t="s">
        <v>266</v>
      </c>
      <c r="F129" s="164" t="s">
        <v>275</v>
      </c>
      <c r="G129" s="164" t="s">
        <v>441</v>
      </c>
    </row>
    <row r="130" spans="1:7" ht="18" x14ac:dyDescent="0.3">
      <c r="A130" s="163">
        <v>116</v>
      </c>
      <c r="B130" s="212" t="s">
        <v>444</v>
      </c>
      <c r="C130" s="164" t="s">
        <v>148</v>
      </c>
      <c r="D130" s="165" t="s">
        <v>412</v>
      </c>
      <c r="E130" s="164" t="s">
        <v>266</v>
      </c>
      <c r="F130" s="164" t="s">
        <v>275</v>
      </c>
      <c r="G130" s="164" t="s">
        <v>441</v>
      </c>
    </row>
    <row r="131" spans="1:7" ht="18" x14ac:dyDescent="0.3">
      <c r="A131" s="163">
        <v>117</v>
      </c>
      <c r="B131" s="212" t="s">
        <v>773</v>
      </c>
      <c r="C131" s="164" t="s">
        <v>148</v>
      </c>
      <c r="D131" s="165" t="s">
        <v>412</v>
      </c>
      <c r="E131" s="164" t="s">
        <v>266</v>
      </c>
      <c r="F131" s="164" t="s">
        <v>275</v>
      </c>
      <c r="G131" s="164" t="s">
        <v>441</v>
      </c>
    </row>
    <row r="132" spans="1:7" ht="18" x14ac:dyDescent="0.3">
      <c r="A132" s="163">
        <v>118</v>
      </c>
      <c r="B132" s="212" t="s">
        <v>770</v>
      </c>
      <c r="C132" s="164" t="s">
        <v>147</v>
      </c>
      <c r="D132" s="165" t="s">
        <v>190</v>
      </c>
      <c r="E132" s="164" t="str">
        <f>E131</f>
        <v>Ballymun</v>
      </c>
      <c r="F132" s="164" t="str">
        <f>F131</f>
        <v>DMR North</v>
      </c>
      <c r="G132" s="164" t="s">
        <v>707</v>
      </c>
    </row>
    <row r="133" spans="1:7" ht="18" x14ac:dyDescent="0.3">
      <c r="A133" s="163">
        <v>119</v>
      </c>
      <c r="B133" s="212" t="s">
        <v>45</v>
      </c>
      <c r="C133" s="164" t="str">
        <f>$C$121</f>
        <v>D/Garda</v>
      </c>
      <c r="D133" s="165" t="s">
        <v>190</v>
      </c>
      <c r="E133" s="164" t="s">
        <v>190</v>
      </c>
      <c r="F133" s="164" t="s">
        <v>275</v>
      </c>
      <c r="G133" s="164" t="s">
        <v>707</v>
      </c>
    </row>
    <row r="134" spans="1:7" ht="18" x14ac:dyDescent="0.3">
      <c r="A134" s="163">
        <v>120</v>
      </c>
      <c r="B134" s="212" t="s">
        <v>772</v>
      </c>
      <c r="C134" s="164" t="s">
        <v>148</v>
      </c>
      <c r="D134" s="165" t="str">
        <f t="shared" ref="D134:G135" si="5">D133</f>
        <v>Coolock</v>
      </c>
      <c r="E134" s="164" t="str">
        <f t="shared" si="5"/>
        <v>Coolock</v>
      </c>
      <c r="F134" s="164" t="str">
        <f t="shared" si="5"/>
        <v>DMR North</v>
      </c>
      <c r="G134" s="164" t="str">
        <f t="shared" si="5"/>
        <v>(01) 6664720</v>
      </c>
    </row>
    <row r="135" spans="1:7" ht="18" x14ac:dyDescent="0.3">
      <c r="A135" s="163">
        <v>121</v>
      </c>
      <c r="B135" s="212" t="s">
        <v>442</v>
      </c>
      <c r="C135" s="164" t="s">
        <v>148</v>
      </c>
      <c r="D135" s="165" t="str">
        <f t="shared" si="5"/>
        <v>Coolock</v>
      </c>
      <c r="E135" s="164" t="s">
        <v>190</v>
      </c>
      <c r="F135" s="164" t="s">
        <v>275</v>
      </c>
      <c r="G135" s="164" t="str">
        <f t="shared" si="5"/>
        <v>(01) 6664720</v>
      </c>
    </row>
    <row r="136" spans="1:7" ht="18" x14ac:dyDescent="0.3">
      <c r="A136" s="163">
        <v>122</v>
      </c>
      <c r="B136" s="212" t="s">
        <v>49</v>
      </c>
      <c r="C136" s="164" t="s">
        <v>148</v>
      </c>
      <c r="D136" s="165" t="s">
        <v>190</v>
      </c>
      <c r="E136" s="164" t="s">
        <v>190</v>
      </c>
      <c r="F136" s="164" t="s">
        <v>275</v>
      </c>
      <c r="G136" s="164" t="s">
        <v>707</v>
      </c>
    </row>
    <row r="137" spans="1:7" ht="18" x14ac:dyDescent="0.3">
      <c r="A137" s="163">
        <v>123</v>
      </c>
      <c r="B137" s="212" t="s">
        <v>774</v>
      </c>
      <c r="C137" s="164" t="str">
        <f>C136</f>
        <v>Garda</v>
      </c>
      <c r="D137" s="165" t="str">
        <f>D136</f>
        <v>Coolock</v>
      </c>
      <c r="E137" s="164" t="str">
        <f>E136</f>
        <v>Coolock</v>
      </c>
      <c r="F137" s="164" t="str">
        <f>F136</f>
        <v>DMR North</v>
      </c>
      <c r="G137" s="164" t="str">
        <f>G136</f>
        <v>(01) 6664720</v>
      </c>
    </row>
    <row r="138" spans="1:7" ht="18" x14ac:dyDescent="0.3">
      <c r="A138" s="163">
        <v>124</v>
      </c>
      <c r="B138" s="212" t="s">
        <v>404</v>
      </c>
      <c r="C138" s="164" t="s">
        <v>147</v>
      </c>
      <c r="D138" s="165" t="s">
        <v>191</v>
      </c>
      <c r="E138" s="164" t="s">
        <v>190</v>
      </c>
      <c r="F138" s="164" t="s">
        <v>275</v>
      </c>
      <c r="G138" s="164" t="s">
        <v>707</v>
      </c>
    </row>
    <row r="139" spans="1:7" ht="18" x14ac:dyDescent="0.3">
      <c r="A139" s="163">
        <v>125</v>
      </c>
      <c r="B139" s="212" t="s">
        <v>399</v>
      </c>
      <c r="C139" s="164" t="s">
        <v>148</v>
      </c>
      <c r="D139" s="165" t="s">
        <v>191</v>
      </c>
      <c r="E139" s="164" t="s">
        <v>190</v>
      </c>
      <c r="F139" s="164" t="s">
        <v>275</v>
      </c>
      <c r="G139" s="164" t="s">
        <v>321</v>
      </c>
    </row>
    <row r="140" spans="1:7" ht="18.75" x14ac:dyDescent="0.3">
      <c r="A140" s="163">
        <v>126</v>
      </c>
      <c r="B140" s="151" t="s">
        <v>588</v>
      </c>
      <c r="C140" s="11" t="s">
        <v>148</v>
      </c>
      <c r="D140" s="14" t="s">
        <v>191</v>
      </c>
      <c r="E140" s="11" t="s">
        <v>190</v>
      </c>
      <c r="F140" s="11" t="s">
        <v>275</v>
      </c>
      <c r="G140" s="11" t="s">
        <v>321</v>
      </c>
    </row>
    <row r="141" spans="1:7" ht="18.75" x14ac:dyDescent="0.3">
      <c r="A141" s="163">
        <v>127</v>
      </c>
      <c r="B141" s="151" t="s">
        <v>771</v>
      </c>
      <c r="C141" s="11" t="str">
        <f t="shared" ref="C141:G141" si="6">C140</f>
        <v>Garda</v>
      </c>
      <c r="D141" s="14" t="str">
        <f t="shared" si="6"/>
        <v>Swords</v>
      </c>
      <c r="E141" s="11" t="str">
        <f t="shared" si="6"/>
        <v>Coolock</v>
      </c>
      <c r="F141" s="11" t="str">
        <f t="shared" si="6"/>
        <v>DMR North</v>
      </c>
      <c r="G141" s="11" t="str">
        <f t="shared" si="6"/>
        <v>(01) 6664700</v>
      </c>
    </row>
    <row r="142" spans="1:7" ht="18.75" x14ac:dyDescent="0.3">
      <c r="A142" s="163">
        <v>128</v>
      </c>
      <c r="B142" s="151" t="s">
        <v>42</v>
      </c>
      <c r="C142" s="11" t="s">
        <v>147</v>
      </c>
      <c r="D142" s="14" t="s">
        <v>185</v>
      </c>
      <c r="E142" s="11" t="s">
        <v>186</v>
      </c>
      <c r="F142" s="11" t="s">
        <v>275</v>
      </c>
      <c r="G142" s="11" t="s">
        <v>316</v>
      </c>
    </row>
    <row r="143" spans="1:7" ht="18" x14ac:dyDescent="0.3">
      <c r="A143" s="163">
        <v>129</v>
      </c>
      <c r="B143" s="212" t="s">
        <v>443</v>
      </c>
      <c r="C143" s="164" t="s">
        <v>148</v>
      </c>
      <c r="D143" s="165" t="s">
        <v>185</v>
      </c>
      <c r="E143" s="164" t="s">
        <v>186</v>
      </c>
      <c r="F143" s="164" t="s">
        <v>275</v>
      </c>
      <c r="G143" s="164" t="s">
        <v>316</v>
      </c>
    </row>
    <row r="144" spans="1:7" ht="18" x14ac:dyDescent="0.3">
      <c r="A144" s="163">
        <v>130</v>
      </c>
      <c r="B144" s="212" t="s">
        <v>775</v>
      </c>
      <c r="C144" s="164" t="s">
        <v>147</v>
      </c>
      <c r="D144" s="165" t="str">
        <f t="shared" ref="D144:F144" si="7">D145</f>
        <v>Raheny</v>
      </c>
      <c r="E144" s="164" t="str">
        <f t="shared" si="7"/>
        <v>Raheny</v>
      </c>
      <c r="F144" s="164" t="str">
        <f t="shared" si="7"/>
        <v>DMR North</v>
      </c>
      <c r="G144" s="164" t="s">
        <v>848</v>
      </c>
    </row>
    <row r="145" spans="1:7" ht="18" x14ac:dyDescent="0.3">
      <c r="A145" s="163">
        <v>131</v>
      </c>
      <c r="B145" s="212" t="s">
        <v>769</v>
      </c>
      <c r="C145" s="164" t="str">
        <f>C143</f>
        <v>Garda</v>
      </c>
      <c r="D145" s="165" t="s">
        <v>186</v>
      </c>
      <c r="E145" s="164" t="str">
        <f>E143</f>
        <v>Raheny</v>
      </c>
      <c r="F145" s="164" t="str">
        <f>F143</f>
        <v>DMR North</v>
      </c>
      <c r="G145" s="164" t="s">
        <v>848</v>
      </c>
    </row>
    <row r="146" spans="1:7" ht="18" x14ac:dyDescent="0.3">
      <c r="A146" s="163">
        <v>132</v>
      </c>
      <c r="B146" s="212" t="s">
        <v>778</v>
      </c>
      <c r="C146" s="164" t="s">
        <v>148</v>
      </c>
      <c r="D146" s="165" t="s">
        <v>186</v>
      </c>
      <c r="E146" s="164" t="s">
        <v>186</v>
      </c>
      <c r="F146" s="164" t="str">
        <f>F144</f>
        <v>DMR North</v>
      </c>
      <c r="G146" s="164" t="s">
        <v>848</v>
      </c>
    </row>
    <row r="147" spans="1:7" ht="18" x14ac:dyDescent="0.3">
      <c r="A147" s="163">
        <v>133</v>
      </c>
      <c r="B147" s="212" t="s">
        <v>782</v>
      </c>
      <c r="C147" s="164" t="s">
        <v>148</v>
      </c>
      <c r="D147" s="165" t="str">
        <f t="shared" ref="D147:G147" si="8">D144</f>
        <v>Raheny</v>
      </c>
      <c r="E147" s="164" t="str">
        <f t="shared" si="8"/>
        <v>Raheny</v>
      </c>
      <c r="F147" s="164" t="str">
        <f t="shared" si="8"/>
        <v>DMR North</v>
      </c>
      <c r="G147" s="164" t="str">
        <f t="shared" si="8"/>
        <v>(01) 6664300</v>
      </c>
    </row>
    <row r="148" spans="1:7" ht="18.75" thickBot="1" x14ac:dyDescent="0.35">
      <c r="A148" s="166">
        <v>134</v>
      </c>
      <c r="B148" s="213" t="s">
        <v>777</v>
      </c>
      <c r="C148" s="167" t="s">
        <v>148</v>
      </c>
      <c r="D148" s="168" t="s">
        <v>187</v>
      </c>
      <c r="E148" s="167" t="s">
        <v>186</v>
      </c>
      <c r="F148" s="167" t="str">
        <f t="shared" ref="F148" si="9">F147</f>
        <v>DMR North</v>
      </c>
      <c r="G148" s="167" t="s">
        <v>317</v>
      </c>
    </row>
    <row r="149" spans="1:7" ht="24.75" customHeight="1" thickBot="1" x14ac:dyDescent="0.3">
      <c r="A149" s="221" t="s">
        <v>832</v>
      </c>
      <c r="B149" s="222"/>
      <c r="C149" s="222"/>
      <c r="D149" s="222"/>
      <c r="E149" s="222"/>
      <c r="F149" s="222"/>
      <c r="G149" s="223"/>
    </row>
    <row r="150" spans="1:7" ht="19.5" thickBot="1" x14ac:dyDescent="0.3">
      <c r="A150" s="7" t="s">
        <v>392</v>
      </c>
      <c r="B150" s="8" t="s">
        <v>0</v>
      </c>
      <c r="C150" s="8" t="s">
        <v>146</v>
      </c>
      <c r="D150" s="8" t="s">
        <v>151</v>
      </c>
      <c r="E150" s="7" t="s">
        <v>264</v>
      </c>
      <c r="F150" s="8" t="s">
        <v>272</v>
      </c>
      <c r="G150" s="8" t="s">
        <v>282</v>
      </c>
    </row>
    <row r="151" spans="1:7" ht="18.75" x14ac:dyDescent="0.3">
      <c r="A151" s="72">
        <v>135</v>
      </c>
      <c r="B151" s="83" t="s">
        <v>54</v>
      </c>
      <c r="C151" s="73" t="s">
        <v>148</v>
      </c>
      <c r="D151" s="74" t="s">
        <v>195</v>
      </c>
      <c r="E151" s="73" t="s">
        <v>195</v>
      </c>
      <c r="F151" s="73" t="s">
        <v>277</v>
      </c>
      <c r="G151" s="73" t="s">
        <v>326</v>
      </c>
    </row>
    <row r="152" spans="1:7" ht="18.75" x14ac:dyDescent="0.3">
      <c r="A152" s="30">
        <v>136</v>
      </c>
      <c r="B152" s="35" t="s">
        <v>814</v>
      </c>
      <c r="C152" s="34" t="str">
        <f>C418</f>
        <v>Garda</v>
      </c>
      <c r="D152" s="32" t="s">
        <v>654</v>
      </c>
      <c r="E152" s="34" t="s">
        <v>195</v>
      </c>
      <c r="F152" s="34" t="s">
        <v>277</v>
      </c>
      <c r="G152" s="34" t="s">
        <v>815</v>
      </c>
    </row>
    <row r="153" spans="1:7" ht="18.75" x14ac:dyDescent="0.3">
      <c r="A153" s="30">
        <v>137</v>
      </c>
      <c r="B153" s="35" t="s">
        <v>816</v>
      </c>
      <c r="C153" s="34" t="s">
        <v>147</v>
      </c>
      <c r="D153" s="32" t="str">
        <f>D155</f>
        <v>Tallaght</v>
      </c>
      <c r="E153" s="34" t="s">
        <v>194</v>
      </c>
      <c r="F153" s="34" t="str">
        <f>F155</f>
        <v>DMR South</v>
      </c>
      <c r="G153" s="34" t="str">
        <f>G155</f>
        <v>(01) 6666000</v>
      </c>
    </row>
    <row r="154" spans="1:7" ht="18.75" x14ac:dyDescent="0.3">
      <c r="A154" s="30">
        <v>138</v>
      </c>
      <c r="B154" s="35" t="s">
        <v>803</v>
      </c>
      <c r="C154" s="34" t="s">
        <v>147</v>
      </c>
      <c r="D154" s="32" t="str">
        <f t="shared" ref="D154:G154" si="10">D156</f>
        <v>Tallaght</v>
      </c>
      <c r="E154" s="32" t="str">
        <f t="shared" si="10"/>
        <v>Tallaght</v>
      </c>
      <c r="F154" s="34" t="str">
        <f t="shared" si="10"/>
        <v>DMR South</v>
      </c>
      <c r="G154" s="34" t="str">
        <f t="shared" si="10"/>
        <v>(01) 6666000</v>
      </c>
    </row>
    <row r="155" spans="1:7" ht="18.75" x14ac:dyDescent="0.3">
      <c r="A155" s="30">
        <v>139</v>
      </c>
      <c r="B155" s="35" t="s">
        <v>593</v>
      </c>
      <c r="C155" s="34" t="s">
        <v>149</v>
      </c>
      <c r="D155" s="32" t="s">
        <v>194</v>
      </c>
      <c r="E155" s="34" t="s">
        <v>194</v>
      </c>
      <c r="F155" s="34" t="s">
        <v>277</v>
      </c>
      <c r="G155" s="34" t="s">
        <v>325</v>
      </c>
    </row>
    <row r="156" spans="1:7" ht="18.75" customHeight="1" x14ac:dyDescent="0.3">
      <c r="A156" s="30">
        <v>140</v>
      </c>
      <c r="B156" s="35" t="s">
        <v>818</v>
      </c>
      <c r="C156" s="34" t="str">
        <f t="shared" ref="C156:G156" si="11">C155</f>
        <v xml:space="preserve">Garda </v>
      </c>
      <c r="D156" s="32" t="str">
        <f t="shared" si="11"/>
        <v>Tallaght</v>
      </c>
      <c r="E156" s="34" t="str">
        <f t="shared" si="11"/>
        <v>Tallaght</v>
      </c>
      <c r="F156" s="34" t="str">
        <f t="shared" si="11"/>
        <v>DMR South</v>
      </c>
      <c r="G156" s="34" t="str">
        <f t="shared" si="11"/>
        <v>(01) 6666000</v>
      </c>
    </row>
    <row r="157" spans="1:7" ht="18.75" x14ac:dyDescent="0.3">
      <c r="A157" s="30">
        <v>141</v>
      </c>
      <c r="B157" s="35" t="s">
        <v>819</v>
      </c>
      <c r="C157" s="34" t="str">
        <f t="shared" ref="C157:G158" si="12">C155</f>
        <v xml:space="preserve">Garda </v>
      </c>
      <c r="D157" s="32" t="str">
        <f t="shared" si="12"/>
        <v>Tallaght</v>
      </c>
      <c r="E157" s="34" t="str">
        <f t="shared" si="12"/>
        <v>Tallaght</v>
      </c>
      <c r="F157" s="34" t="str">
        <f t="shared" si="12"/>
        <v>DMR South</v>
      </c>
      <c r="G157" s="34" t="str">
        <f t="shared" si="12"/>
        <v>(01) 6666000</v>
      </c>
    </row>
    <row r="158" spans="1:7" ht="18.75" x14ac:dyDescent="0.3">
      <c r="A158" s="30">
        <v>142</v>
      </c>
      <c r="B158" s="35" t="s">
        <v>820</v>
      </c>
      <c r="C158" s="34" t="s">
        <v>148</v>
      </c>
      <c r="D158" s="75" t="s">
        <v>817</v>
      </c>
      <c r="E158" s="34" t="str">
        <f t="shared" si="12"/>
        <v>Tallaght</v>
      </c>
      <c r="F158" s="34" t="str">
        <f t="shared" si="12"/>
        <v>DMR South</v>
      </c>
      <c r="G158" s="34" t="s">
        <v>918</v>
      </c>
    </row>
    <row r="159" spans="1:7" ht="18.75" x14ac:dyDescent="0.3">
      <c r="A159" s="30">
        <v>143</v>
      </c>
      <c r="B159" s="35" t="s">
        <v>822</v>
      </c>
      <c r="C159" s="34" t="s">
        <v>148</v>
      </c>
      <c r="D159" s="34" t="s">
        <v>196</v>
      </c>
      <c r="E159" s="34" t="s">
        <v>196</v>
      </c>
      <c r="F159" s="34" t="s">
        <v>277</v>
      </c>
      <c r="G159" s="34" t="s">
        <v>905</v>
      </c>
    </row>
    <row r="160" spans="1:7" ht="18.75" x14ac:dyDescent="0.3">
      <c r="A160" s="30">
        <v>144</v>
      </c>
      <c r="B160" s="35" t="s">
        <v>823</v>
      </c>
      <c r="C160" s="34" t="s">
        <v>147</v>
      </c>
      <c r="D160" s="75" t="str">
        <f t="shared" ref="D160:F161" si="13">D162</f>
        <v>Rathmines</v>
      </c>
      <c r="E160" s="34" t="s">
        <v>196</v>
      </c>
      <c r="F160" s="34" t="str">
        <f t="shared" si="13"/>
        <v>DMR South</v>
      </c>
      <c r="G160" s="34" t="s">
        <v>327</v>
      </c>
    </row>
    <row r="161" spans="1:7" ht="18.75" x14ac:dyDescent="0.3">
      <c r="A161" s="30">
        <v>145</v>
      </c>
      <c r="B161" s="35" t="s">
        <v>821</v>
      </c>
      <c r="C161" s="34" t="s">
        <v>148</v>
      </c>
      <c r="D161" s="75" t="str">
        <f t="shared" si="13"/>
        <v>Rathmines</v>
      </c>
      <c r="E161" s="34" t="s">
        <v>196</v>
      </c>
      <c r="F161" s="34" t="str">
        <f>F158</f>
        <v>DMR South</v>
      </c>
      <c r="G161" s="34" t="s">
        <v>327</v>
      </c>
    </row>
    <row r="162" spans="1:7" ht="18.75" x14ac:dyDescent="0.3">
      <c r="A162" s="30">
        <v>146</v>
      </c>
      <c r="B162" s="35" t="s">
        <v>457</v>
      </c>
      <c r="C162" s="34" t="s">
        <v>148</v>
      </c>
      <c r="D162" s="75" t="s">
        <v>197</v>
      </c>
      <c r="E162" s="34" t="s">
        <v>196</v>
      </c>
      <c r="F162" s="34" t="s">
        <v>277</v>
      </c>
      <c r="G162" s="34" t="s">
        <v>327</v>
      </c>
    </row>
    <row r="163" spans="1:7" ht="18.75" x14ac:dyDescent="0.3">
      <c r="A163" s="30">
        <v>147</v>
      </c>
      <c r="B163" s="35" t="s">
        <v>824</v>
      </c>
      <c r="C163" s="34" t="str">
        <f t="shared" ref="C163:G163" si="14">C162</f>
        <v>Garda</v>
      </c>
      <c r="D163" s="75" t="str">
        <f t="shared" si="14"/>
        <v>Rathmines</v>
      </c>
      <c r="E163" s="34" t="s">
        <v>196</v>
      </c>
      <c r="F163" s="34" t="str">
        <f t="shared" si="14"/>
        <v>DMR South</v>
      </c>
      <c r="G163" s="34" t="str">
        <f t="shared" si="14"/>
        <v>(01) 6666700</v>
      </c>
    </row>
    <row r="164" spans="1:7" ht="18.75" x14ac:dyDescent="0.3">
      <c r="A164" s="30">
        <v>148</v>
      </c>
      <c r="B164" s="35" t="s">
        <v>825</v>
      </c>
      <c r="C164" s="34" t="str">
        <f t="shared" ref="C164:G164" si="15">C162</f>
        <v>Garda</v>
      </c>
      <c r="D164" s="75" t="str">
        <f t="shared" si="15"/>
        <v>Rathmines</v>
      </c>
      <c r="E164" s="34" t="s">
        <v>196</v>
      </c>
      <c r="F164" s="34" t="str">
        <f t="shared" si="15"/>
        <v>DMR South</v>
      </c>
      <c r="G164" s="34" t="str">
        <f t="shared" si="15"/>
        <v>(01) 6666700</v>
      </c>
    </row>
    <row r="165" spans="1:7" ht="19.5" thickBot="1" x14ac:dyDescent="0.35">
      <c r="A165" s="149">
        <v>149</v>
      </c>
      <c r="B165" s="39" t="s">
        <v>826</v>
      </c>
      <c r="C165" s="38" t="str">
        <f t="shared" ref="C165:G165" si="16">C162</f>
        <v>Garda</v>
      </c>
      <c r="D165" s="155" t="str">
        <f t="shared" si="16"/>
        <v>Rathmines</v>
      </c>
      <c r="E165" s="38" t="s">
        <v>196</v>
      </c>
      <c r="F165" s="38" t="str">
        <f t="shared" si="16"/>
        <v>DMR South</v>
      </c>
      <c r="G165" s="38" t="str">
        <f t="shared" si="16"/>
        <v>(01) 6666700</v>
      </c>
    </row>
    <row r="166" spans="1:7" ht="24.75" customHeight="1" thickBot="1" x14ac:dyDescent="0.3">
      <c r="A166" s="221" t="s">
        <v>833</v>
      </c>
      <c r="B166" s="222"/>
      <c r="C166" s="222"/>
      <c r="D166" s="222"/>
      <c r="E166" s="222"/>
      <c r="F166" s="222"/>
      <c r="G166" s="223"/>
    </row>
    <row r="167" spans="1:7" ht="19.5" thickBot="1" x14ac:dyDescent="0.3">
      <c r="A167" s="7" t="s">
        <v>392</v>
      </c>
      <c r="B167" s="8" t="s">
        <v>0</v>
      </c>
      <c r="C167" s="8" t="s">
        <v>146</v>
      </c>
      <c r="D167" s="8" t="s">
        <v>151</v>
      </c>
      <c r="E167" s="8" t="s">
        <v>264</v>
      </c>
      <c r="F167" s="8" t="s">
        <v>272</v>
      </c>
      <c r="G167" s="8" t="s">
        <v>282</v>
      </c>
    </row>
    <row r="168" spans="1:7" ht="18.75" x14ac:dyDescent="0.3">
      <c r="A168" s="76">
        <v>150</v>
      </c>
      <c r="B168" s="214" t="s">
        <v>41</v>
      </c>
      <c r="C168" s="77" t="s">
        <v>147</v>
      </c>
      <c r="D168" s="78" t="s">
        <v>184</v>
      </c>
      <c r="E168" s="77" t="s">
        <v>184</v>
      </c>
      <c r="F168" s="77" t="s">
        <v>274</v>
      </c>
      <c r="G168" s="190" t="s">
        <v>315</v>
      </c>
    </row>
    <row r="169" spans="1:7" ht="18.75" x14ac:dyDescent="0.3">
      <c r="A169" s="15">
        <v>151</v>
      </c>
      <c r="B169" s="215" t="s">
        <v>435</v>
      </c>
      <c r="C169" s="17" t="s">
        <v>147</v>
      </c>
      <c r="D169" s="16" t="s">
        <v>184</v>
      </c>
      <c r="E169" s="17" t="s">
        <v>184</v>
      </c>
      <c r="F169" s="17" t="s">
        <v>274</v>
      </c>
      <c r="G169" s="191" t="s">
        <v>315</v>
      </c>
    </row>
    <row r="170" spans="1:7" ht="18.75" x14ac:dyDescent="0.3">
      <c r="A170" s="15">
        <v>152</v>
      </c>
      <c r="B170" s="215" t="s">
        <v>38</v>
      </c>
      <c r="C170" s="17" t="s">
        <v>148</v>
      </c>
      <c r="D170" s="16" t="s">
        <v>184</v>
      </c>
      <c r="E170" s="17" t="s">
        <v>184</v>
      </c>
      <c r="F170" s="17" t="s">
        <v>274</v>
      </c>
      <c r="G170" s="191" t="s">
        <v>315</v>
      </c>
    </row>
    <row r="171" spans="1:7" ht="18.75" x14ac:dyDescent="0.3">
      <c r="A171" s="15">
        <v>153</v>
      </c>
      <c r="B171" s="215" t="s">
        <v>39</v>
      </c>
      <c r="C171" s="17" t="s">
        <v>148</v>
      </c>
      <c r="D171" s="16" t="s">
        <v>184</v>
      </c>
      <c r="E171" s="17" t="s">
        <v>184</v>
      </c>
      <c r="F171" s="17" t="s">
        <v>274</v>
      </c>
      <c r="G171" s="191" t="s">
        <v>315</v>
      </c>
    </row>
    <row r="172" spans="1:7" ht="18.75" x14ac:dyDescent="0.3">
      <c r="A172" s="15">
        <v>154</v>
      </c>
      <c r="B172" s="215" t="s">
        <v>453</v>
      </c>
      <c r="C172" s="17" t="s">
        <v>148</v>
      </c>
      <c r="D172" s="16" t="s">
        <v>184</v>
      </c>
      <c r="E172" s="16" t="s">
        <v>184</v>
      </c>
      <c r="F172" s="17" t="s">
        <v>274</v>
      </c>
      <c r="G172" s="191" t="s">
        <v>315</v>
      </c>
    </row>
    <row r="173" spans="1:7" ht="18.75" x14ac:dyDescent="0.3">
      <c r="A173" s="15">
        <v>155</v>
      </c>
      <c r="B173" s="215" t="s">
        <v>784</v>
      </c>
      <c r="C173" s="17" t="str">
        <f>C177</f>
        <v>Garda</v>
      </c>
      <c r="D173" s="16" t="str">
        <f>D177</f>
        <v>Dún Laoghaire</v>
      </c>
      <c r="E173" s="16" t="str">
        <f>E177</f>
        <v>Dún Laoghaire</v>
      </c>
      <c r="F173" s="17" t="str">
        <f>F177</f>
        <v>DMR East</v>
      </c>
      <c r="G173" s="191" t="str">
        <f>G177</f>
        <v>(01) 6665000</v>
      </c>
    </row>
    <row r="174" spans="1:7" ht="18.75" x14ac:dyDescent="0.3">
      <c r="A174" s="15">
        <v>156</v>
      </c>
      <c r="B174" s="215" t="s">
        <v>785</v>
      </c>
      <c r="C174" s="17" t="str">
        <f t="shared" ref="C174:G176" si="17">C173</f>
        <v>Garda</v>
      </c>
      <c r="D174" s="16" t="str">
        <f t="shared" si="17"/>
        <v>Dún Laoghaire</v>
      </c>
      <c r="E174" s="16" t="str">
        <f t="shared" si="17"/>
        <v>Dún Laoghaire</v>
      </c>
      <c r="F174" s="17" t="str">
        <f t="shared" si="17"/>
        <v>DMR East</v>
      </c>
      <c r="G174" s="191" t="str">
        <f t="shared" si="17"/>
        <v>(01) 6665000</v>
      </c>
    </row>
    <row r="175" spans="1:7" ht="18.75" x14ac:dyDescent="0.3">
      <c r="A175" s="15">
        <v>157</v>
      </c>
      <c r="B175" s="215" t="s">
        <v>786</v>
      </c>
      <c r="C175" s="17" t="str">
        <f t="shared" si="17"/>
        <v>Garda</v>
      </c>
      <c r="D175" s="16" t="str">
        <f t="shared" si="17"/>
        <v>Dún Laoghaire</v>
      </c>
      <c r="E175" s="16" t="str">
        <f t="shared" si="17"/>
        <v>Dún Laoghaire</v>
      </c>
      <c r="F175" s="17" t="str">
        <f t="shared" si="17"/>
        <v>DMR East</v>
      </c>
      <c r="G175" s="191" t="str">
        <f t="shared" si="17"/>
        <v>(01) 6665000</v>
      </c>
    </row>
    <row r="176" spans="1:7" ht="18.75" x14ac:dyDescent="0.3">
      <c r="A176" s="15">
        <v>158</v>
      </c>
      <c r="B176" s="215" t="s">
        <v>787</v>
      </c>
      <c r="C176" s="17" t="str">
        <f t="shared" si="17"/>
        <v>Garda</v>
      </c>
      <c r="D176" s="16" t="str">
        <f t="shared" si="17"/>
        <v>Dún Laoghaire</v>
      </c>
      <c r="E176" s="16" t="str">
        <f t="shared" si="17"/>
        <v>Dún Laoghaire</v>
      </c>
      <c r="F176" s="17" t="str">
        <f t="shared" si="17"/>
        <v>DMR East</v>
      </c>
      <c r="G176" s="191" t="str">
        <f t="shared" si="17"/>
        <v>(01) 6665000</v>
      </c>
    </row>
    <row r="177" spans="1:7" ht="18.75" x14ac:dyDescent="0.3">
      <c r="A177" s="15">
        <v>159</v>
      </c>
      <c r="B177" s="215" t="s">
        <v>783</v>
      </c>
      <c r="C177" s="17" t="s">
        <v>148</v>
      </c>
      <c r="D177" s="16" t="s">
        <v>184</v>
      </c>
      <c r="E177" s="16" t="s">
        <v>184</v>
      </c>
      <c r="F177" s="17" t="s">
        <v>274</v>
      </c>
      <c r="G177" s="191" t="s">
        <v>315</v>
      </c>
    </row>
    <row r="178" spans="1:7" ht="18.75" x14ac:dyDescent="0.3">
      <c r="A178" s="15">
        <v>160</v>
      </c>
      <c r="B178" s="215" t="s">
        <v>788</v>
      </c>
      <c r="C178" s="17" t="s">
        <v>703</v>
      </c>
      <c r="D178" s="16" t="str">
        <f>D180</f>
        <v>Shankill</v>
      </c>
      <c r="E178" s="17" t="str">
        <f>E180</f>
        <v>Dun Laoghaire</v>
      </c>
      <c r="F178" s="17" t="str">
        <f>F180</f>
        <v>DMR East</v>
      </c>
      <c r="G178" s="191" t="str">
        <f>$G$179</f>
        <v>(01) 6665900</v>
      </c>
    </row>
    <row r="179" spans="1:7" ht="18.75" x14ac:dyDescent="0.3">
      <c r="A179" s="15">
        <v>161</v>
      </c>
      <c r="B179" s="215" t="s">
        <v>35</v>
      </c>
      <c r="C179" s="17" t="s">
        <v>148</v>
      </c>
      <c r="D179" s="134" t="s">
        <v>846</v>
      </c>
      <c r="E179" s="17" t="s">
        <v>647</v>
      </c>
      <c r="F179" s="17" t="s">
        <v>274</v>
      </c>
      <c r="G179" s="191" t="s">
        <v>847</v>
      </c>
    </row>
    <row r="180" spans="1:7" ht="18.75" x14ac:dyDescent="0.3">
      <c r="A180" s="15">
        <v>162</v>
      </c>
      <c r="B180" s="215" t="s">
        <v>36</v>
      </c>
      <c r="C180" s="17" t="s">
        <v>148</v>
      </c>
      <c r="D180" s="134" t="str">
        <f>$D$179</f>
        <v>Shankill</v>
      </c>
      <c r="E180" s="17" t="s">
        <v>647</v>
      </c>
      <c r="F180" s="17" t="s">
        <v>274</v>
      </c>
      <c r="G180" s="191" t="str">
        <f>$G$179</f>
        <v>(01) 6665900</v>
      </c>
    </row>
    <row r="181" spans="1:7" ht="18.75" x14ac:dyDescent="0.3">
      <c r="A181" s="15">
        <v>163</v>
      </c>
      <c r="B181" s="215" t="s">
        <v>789</v>
      </c>
      <c r="C181" s="17" t="s">
        <v>148</v>
      </c>
      <c r="D181" s="16" t="str">
        <f>D178</f>
        <v>Shankill</v>
      </c>
      <c r="E181" s="17" t="str">
        <f>E178</f>
        <v>Dun Laoghaire</v>
      </c>
      <c r="F181" s="17" t="str">
        <f>F178</f>
        <v>DMR East</v>
      </c>
      <c r="G181" s="191" t="str">
        <f>$G$179</f>
        <v>(01) 6665900</v>
      </c>
    </row>
    <row r="182" spans="1:7" ht="18.75" x14ac:dyDescent="0.3">
      <c r="A182" s="15">
        <v>164</v>
      </c>
      <c r="B182" s="215" t="s">
        <v>40</v>
      </c>
      <c r="C182" s="17" t="s">
        <v>148</v>
      </c>
      <c r="D182" s="134" t="s">
        <v>183</v>
      </c>
      <c r="E182" s="17" t="s">
        <v>184</v>
      </c>
      <c r="F182" s="17" t="s">
        <v>274</v>
      </c>
      <c r="G182" s="191" t="s">
        <v>314</v>
      </c>
    </row>
    <row r="183" spans="1:7" ht="18.75" x14ac:dyDescent="0.3">
      <c r="A183" s="15">
        <v>165</v>
      </c>
      <c r="B183" s="215" t="s">
        <v>37</v>
      </c>
      <c r="C183" s="17" t="s">
        <v>148</v>
      </c>
      <c r="D183" s="16" t="s">
        <v>183</v>
      </c>
      <c r="E183" s="17" t="s">
        <v>184</v>
      </c>
      <c r="F183" s="17" t="s">
        <v>274</v>
      </c>
      <c r="G183" s="191" t="s">
        <v>314</v>
      </c>
    </row>
    <row r="184" spans="1:7" ht="18.75" x14ac:dyDescent="0.3">
      <c r="A184" s="15">
        <v>166</v>
      </c>
      <c r="B184" s="215" t="s">
        <v>449</v>
      </c>
      <c r="C184" s="17" t="s">
        <v>148</v>
      </c>
      <c r="D184" s="134" t="s">
        <v>183</v>
      </c>
      <c r="E184" s="17" t="s">
        <v>184</v>
      </c>
      <c r="F184" s="17" t="s">
        <v>274</v>
      </c>
      <c r="G184" s="191" t="s">
        <v>314</v>
      </c>
    </row>
    <row r="185" spans="1:7" ht="18.75" x14ac:dyDescent="0.3">
      <c r="A185" s="15">
        <v>167</v>
      </c>
      <c r="B185" s="215" t="s">
        <v>790</v>
      </c>
      <c r="C185" s="17" t="s">
        <v>148</v>
      </c>
      <c r="D185" s="16" t="s">
        <v>159</v>
      </c>
      <c r="E185" s="17" t="s">
        <v>159</v>
      </c>
      <c r="F185" s="17" t="s">
        <v>274</v>
      </c>
      <c r="G185" s="191" t="s">
        <v>313</v>
      </c>
    </row>
    <row r="186" spans="1:7" ht="18.75" x14ac:dyDescent="0.3">
      <c r="A186" s="15">
        <v>168</v>
      </c>
      <c r="B186" s="215" t="s">
        <v>791</v>
      </c>
      <c r="C186" s="17" t="s">
        <v>148</v>
      </c>
      <c r="D186" s="16" t="s">
        <v>454</v>
      </c>
      <c r="E186" s="17" t="s">
        <v>159</v>
      </c>
      <c r="F186" s="17" t="s">
        <v>274</v>
      </c>
      <c r="G186" s="191" t="s">
        <v>992</v>
      </c>
    </row>
    <row r="187" spans="1:7" ht="18.75" x14ac:dyDescent="0.3">
      <c r="A187" s="15">
        <v>169</v>
      </c>
      <c r="B187" s="215" t="s">
        <v>792</v>
      </c>
      <c r="C187" s="17" t="str">
        <f t="shared" ref="C187:G188" si="18">C186</f>
        <v>Garda</v>
      </c>
      <c r="D187" s="16" t="str">
        <f t="shared" si="18"/>
        <v>Dundrum</v>
      </c>
      <c r="E187" s="17" t="str">
        <f t="shared" si="18"/>
        <v>Blackrock</v>
      </c>
      <c r="F187" s="17" t="str">
        <f t="shared" si="18"/>
        <v>DMR East</v>
      </c>
      <c r="G187" s="191" t="str">
        <f t="shared" si="18"/>
        <v>(01) 6665600</v>
      </c>
    </row>
    <row r="188" spans="1:7" ht="18.75" x14ac:dyDescent="0.3">
      <c r="A188" s="15">
        <v>170</v>
      </c>
      <c r="B188" s="215" t="s">
        <v>793</v>
      </c>
      <c r="C188" s="17" t="str">
        <f t="shared" si="18"/>
        <v>Garda</v>
      </c>
      <c r="D188" s="16" t="str">
        <f t="shared" si="18"/>
        <v>Dundrum</v>
      </c>
      <c r="E188" s="17" t="str">
        <f t="shared" si="18"/>
        <v>Blackrock</v>
      </c>
      <c r="F188" s="17" t="str">
        <f t="shared" si="18"/>
        <v>DMR East</v>
      </c>
      <c r="G188" s="191" t="str">
        <f t="shared" si="18"/>
        <v>(01) 6665600</v>
      </c>
    </row>
    <row r="189" spans="1:7" ht="18.75" x14ac:dyDescent="0.3">
      <c r="A189" s="15">
        <v>171</v>
      </c>
      <c r="B189" s="215" t="s">
        <v>794</v>
      </c>
      <c r="C189" s="17" t="s">
        <v>148</v>
      </c>
      <c r="D189" s="16" t="s">
        <v>450</v>
      </c>
      <c r="E189" s="17" t="s">
        <v>159</v>
      </c>
      <c r="F189" s="17" t="s">
        <v>274</v>
      </c>
      <c r="G189" s="191" t="s">
        <v>452</v>
      </c>
    </row>
    <row r="190" spans="1:7" ht="19.5" thickBot="1" x14ac:dyDescent="0.35">
      <c r="A190" s="79">
        <v>172</v>
      </c>
      <c r="B190" s="216" t="s">
        <v>451</v>
      </c>
      <c r="C190" s="80" t="s">
        <v>148</v>
      </c>
      <c r="D190" s="81" t="s">
        <v>450</v>
      </c>
      <c r="E190" s="80" t="s">
        <v>159</v>
      </c>
      <c r="F190" s="80" t="s">
        <v>274</v>
      </c>
      <c r="G190" s="192" t="s">
        <v>452</v>
      </c>
    </row>
    <row r="191" spans="1:7" ht="24.75" customHeight="1" thickBot="1" x14ac:dyDescent="0.3">
      <c r="A191" s="221" t="s">
        <v>834</v>
      </c>
      <c r="B191" s="222"/>
      <c r="C191" s="222"/>
      <c r="D191" s="222"/>
      <c r="E191" s="222"/>
      <c r="F191" s="222"/>
      <c r="G191" s="223"/>
    </row>
    <row r="192" spans="1:7" ht="19.5" thickBot="1" x14ac:dyDescent="0.3">
      <c r="A192" s="8" t="s">
        <v>392</v>
      </c>
      <c r="B192" s="8" t="s">
        <v>0</v>
      </c>
      <c r="C192" s="8" t="s">
        <v>146</v>
      </c>
      <c r="D192" s="8" t="s">
        <v>151</v>
      </c>
      <c r="E192" s="8" t="s">
        <v>264</v>
      </c>
      <c r="F192" s="8" t="s">
        <v>272</v>
      </c>
      <c r="G192" s="8" t="s">
        <v>282</v>
      </c>
    </row>
    <row r="193" spans="1:7" ht="18.75" x14ac:dyDescent="0.3">
      <c r="A193" s="47">
        <v>173</v>
      </c>
      <c r="B193" s="50" t="s">
        <v>58</v>
      </c>
      <c r="C193" s="48" t="s">
        <v>148</v>
      </c>
      <c r="D193" s="193" t="s">
        <v>202</v>
      </c>
      <c r="E193" s="193" t="s">
        <v>202</v>
      </c>
      <c r="F193" s="48" t="s">
        <v>279</v>
      </c>
      <c r="G193" s="48" t="s">
        <v>332</v>
      </c>
    </row>
    <row r="194" spans="1:7" ht="18.75" x14ac:dyDescent="0.3">
      <c r="A194" s="52">
        <v>174</v>
      </c>
      <c r="B194" s="51" t="s">
        <v>417</v>
      </c>
      <c r="C194" s="53" t="s">
        <v>148</v>
      </c>
      <c r="D194" s="82" t="s">
        <v>202</v>
      </c>
      <c r="E194" s="82" t="s">
        <v>202</v>
      </c>
      <c r="F194" s="53" t="s">
        <v>279</v>
      </c>
      <c r="G194" s="53" t="s">
        <v>332</v>
      </c>
    </row>
    <row r="195" spans="1:7" ht="18.75" x14ac:dyDescent="0.3">
      <c r="A195" s="52">
        <v>175</v>
      </c>
      <c r="B195" s="51" t="s">
        <v>419</v>
      </c>
      <c r="C195" s="53" t="s">
        <v>148</v>
      </c>
      <c r="D195" s="82" t="s">
        <v>202</v>
      </c>
      <c r="E195" s="82" t="s">
        <v>202</v>
      </c>
      <c r="F195" s="53" t="s">
        <v>279</v>
      </c>
      <c r="G195" s="53" t="s">
        <v>332</v>
      </c>
    </row>
    <row r="196" spans="1:7" ht="18.75" x14ac:dyDescent="0.3">
      <c r="A196" s="52">
        <v>176</v>
      </c>
      <c r="B196" s="51" t="s">
        <v>458</v>
      </c>
      <c r="C196" s="53" t="s">
        <v>148</v>
      </c>
      <c r="D196" s="82" t="s">
        <v>202</v>
      </c>
      <c r="E196" s="82" t="s">
        <v>202</v>
      </c>
      <c r="F196" s="53" t="s">
        <v>279</v>
      </c>
      <c r="G196" s="53" t="s">
        <v>332</v>
      </c>
    </row>
    <row r="197" spans="1:7" ht="18.75" x14ac:dyDescent="0.3">
      <c r="A197" s="52">
        <v>177</v>
      </c>
      <c r="B197" s="51" t="s">
        <v>420</v>
      </c>
      <c r="C197" s="53" t="s">
        <v>148</v>
      </c>
      <c r="D197" s="82" t="s">
        <v>202</v>
      </c>
      <c r="E197" s="82" t="s">
        <v>202</v>
      </c>
      <c r="F197" s="53" t="s">
        <v>279</v>
      </c>
      <c r="G197" s="53" t="s">
        <v>332</v>
      </c>
    </row>
    <row r="198" spans="1:7" ht="18.75" x14ac:dyDescent="0.3">
      <c r="A198" s="52">
        <v>178</v>
      </c>
      <c r="B198" s="51" t="s">
        <v>423</v>
      </c>
      <c r="C198" s="53" t="s">
        <v>148</v>
      </c>
      <c r="D198" s="82" t="s">
        <v>202</v>
      </c>
      <c r="E198" s="82" t="s">
        <v>202</v>
      </c>
      <c r="F198" s="53" t="s">
        <v>279</v>
      </c>
      <c r="G198" s="53" t="s">
        <v>332</v>
      </c>
    </row>
    <row r="199" spans="1:7" ht="18.75" x14ac:dyDescent="0.3">
      <c r="A199" s="52">
        <v>179</v>
      </c>
      <c r="B199" s="51" t="s">
        <v>810</v>
      </c>
      <c r="C199" s="53" t="str">
        <f>C224</f>
        <v>Garda</v>
      </c>
      <c r="D199" s="82" t="s">
        <v>202</v>
      </c>
      <c r="E199" s="82" t="s">
        <v>202</v>
      </c>
      <c r="F199" s="53" t="str">
        <f>F224</f>
        <v>DMR West</v>
      </c>
      <c r="G199" s="53" t="s">
        <v>332</v>
      </c>
    </row>
    <row r="200" spans="1:7" ht="18.75" x14ac:dyDescent="0.3">
      <c r="A200" s="52">
        <v>180</v>
      </c>
      <c r="B200" s="51" t="s">
        <v>800</v>
      </c>
      <c r="C200" s="53" t="str">
        <f>C482</f>
        <v>Garda</v>
      </c>
      <c r="D200" s="82" t="s">
        <v>202</v>
      </c>
      <c r="E200" s="82" t="s">
        <v>202</v>
      </c>
      <c r="F200" s="53" t="s">
        <v>279</v>
      </c>
      <c r="G200" s="53" t="s">
        <v>332</v>
      </c>
    </row>
    <row r="201" spans="1:7" ht="18.75" x14ac:dyDescent="0.3">
      <c r="A201" s="52">
        <v>181</v>
      </c>
      <c r="B201" s="51" t="s">
        <v>1000</v>
      </c>
      <c r="C201" s="53" t="str">
        <f>C483</f>
        <v>Garda</v>
      </c>
      <c r="D201" s="82" t="s">
        <v>202</v>
      </c>
      <c r="E201" s="82" t="s">
        <v>202</v>
      </c>
      <c r="F201" s="53" t="s">
        <v>279</v>
      </c>
      <c r="G201" s="53" t="s">
        <v>332</v>
      </c>
    </row>
    <row r="202" spans="1:7" ht="18.75" x14ac:dyDescent="0.3">
      <c r="A202" s="52">
        <v>182</v>
      </c>
      <c r="B202" s="51" t="s">
        <v>1011</v>
      </c>
      <c r="C202" s="53" t="str">
        <f>C484</f>
        <v xml:space="preserve">Garda </v>
      </c>
      <c r="D202" s="82" t="s">
        <v>202</v>
      </c>
      <c r="E202" s="82" t="s">
        <v>202</v>
      </c>
      <c r="F202" s="53" t="s">
        <v>279</v>
      </c>
      <c r="G202" s="53" t="s">
        <v>332</v>
      </c>
    </row>
    <row r="203" spans="1:7" ht="18.75" x14ac:dyDescent="0.3">
      <c r="A203" s="52">
        <v>183</v>
      </c>
      <c r="B203" s="51" t="s">
        <v>1012</v>
      </c>
      <c r="C203" s="53" t="s">
        <v>149</v>
      </c>
      <c r="D203" s="82" t="s">
        <v>202</v>
      </c>
      <c r="E203" s="82" t="s">
        <v>202</v>
      </c>
      <c r="F203" s="53" t="s">
        <v>279</v>
      </c>
      <c r="G203" s="53" t="s">
        <v>332</v>
      </c>
    </row>
    <row r="204" spans="1:7" ht="18.75" x14ac:dyDescent="0.3">
      <c r="A204" s="52">
        <v>184</v>
      </c>
      <c r="B204" s="51" t="s">
        <v>418</v>
      </c>
      <c r="C204" s="53" t="s">
        <v>148</v>
      </c>
      <c r="D204" s="82" t="s">
        <v>425</v>
      </c>
      <c r="E204" s="82" t="s">
        <v>202</v>
      </c>
      <c r="F204" s="53" t="s">
        <v>279</v>
      </c>
      <c r="G204" s="53" t="s">
        <v>426</v>
      </c>
    </row>
    <row r="205" spans="1:7" ht="18.75" x14ac:dyDescent="0.3">
      <c r="A205" s="52">
        <v>185</v>
      </c>
      <c r="B205" s="51" t="s">
        <v>427</v>
      </c>
      <c r="C205" s="53" t="s">
        <v>148</v>
      </c>
      <c r="D205" s="82" t="s">
        <v>425</v>
      </c>
      <c r="E205" s="82" t="s">
        <v>202</v>
      </c>
      <c r="F205" s="53" t="s">
        <v>279</v>
      </c>
      <c r="G205" s="53" t="s">
        <v>426</v>
      </c>
    </row>
    <row r="206" spans="1:7" ht="18.75" x14ac:dyDescent="0.3">
      <c r="A206" s="52">
        <v>186</v>
      </c>
      <c r="B206" s="51" t="s">
        <v>645</v>
      </c>
      <c r="C206" s="53" t="s">
        <v>148</v>
      </c>
      <c r="D206" s="82" t="s">
        <v>425</v>
      </c>
      <c r="E206" s="82" t="s">
        <v>202</v>
      </c>
      <c r="F206" s="53" t="s">
        <v>279</v>
      </c>
      <c r="G206" s="53" t="s">
        <v>426</v>
      </c>
    </row>
    <row r="207" spans="1:7" ht="18.75" x14ac:dyDescent="0.3">
      <c r="A207" s="52">
        <v>187</v>
      </c>
      <c r="B207" s="51" t="s">
        <v>1008</v>
      </c>
      <c r="C207" s="53" t="s">
        <v>148</v>
      </c>
      <c r="D207" s="82" t="s">
        <v>425</v>
      </c>
      <c r="E207" s="82" t="s">
        <v>202</v>
      </c>
      <c r="F207" s="53" t="s">
        <v>279</v>
      </c>
      <c r="G207" s="53" t="s">
        <v>426</v>
      </c>
    </row>
    <row r="208" spans="1:7" ht="18.75" x14ac:dyDescent="0.3">
      <c r="A208" s="52">
        <v>188</v>
      </c>
      <c r="B208" s="51" t="s">
        <v>422</v>
      </c>
      <c r="C208" s="53" t="s">
        <v>148</v>
      </c>
      <c r="D208" s="82" t="s">
        <v>203</v>
      </c>
      <c r="E208" s="82" t="s">
        <v>202</v>
      </c>
      <c r="F208" s="53" t="s">
        <v>279</v>
      </c>
      <c r="G208" s="53" t="s">
        <v>849</v>
      </c>
    </row>
    <row r="209" spans="1:7" ht="18.75" x14ac:dyDescent="0.3">
      <c r="A209" s="52">
        <v>189</v>
      </c>
      <c r="B209" s="51" t="s">
        <v>424</v>
      </c>
      <c r="C209" s="53" t="s">
        <v>148</v>
      </c>
      <c r="D209" s="82" t="s">
        <v>203</v>
      </c>
      <c r="E209" s="82" t="s">
        <v>202</v>
      </c>
      <c r="F209" s="53" t="s">
        <v>279</v>
      </c>
      <c r="G209" s="53" t="s">
        <v>849</v>
      </c>
    </row>
    <row r="210" spans="1:7" ht="18.75" x14ac:dyDescent="0.3">
      <c r="A210" s="52">
        <v>190</v>
      </c>
      <c r="B210" s="51" t="s">
        <v>421</v>
      </c>
      <c r="C210" s="53" t="s">
        <v>148</v>
      </c>
      <c r="D210" s="82" t="s">
        <v>203</v>
      </c>
      <c r="E210" s="82" t="s">
        <v>202</v>
      </c>
      <c r="F210" s="53" t="s">
        <v>279</v>
      </c>
      <c r="G210" s="53" t="s">
        <v>849</v>
      </c>
    </row>
    <row r="211" spans="1:7" ht="18.75" x14ac:dyDescent="0.3">
      <c r="A211" s="52">
        <v>191</v>
      </c>
      <c r="B211" s="51" t="s">
        <v>59</v>
      </c>
      <c r="C211" s="53" t="s">
        <v>148</v>
      </c>
      <c r="D211" s="82" t="s">
        <v>203</v>
      </c>
      <c r="E211" s="82" t="s">
        <v>202</v>
      </c>
      <c r="F211" s="53" t="s">
        <v>279</v>
      </c>
      <c r="G211" s="53" t="s">
        <v>849</v>
      </c>
    </row>
    <row r="212" spans="1:7" ht="18.75" x14ac:dyDescent="0.3">
      <c r="A212" s="52">
        <v>192</v>
      </c>
      <c r="B212" s="51" t="s">
        <v>416</v>
      </c>
      <c r="C212" s="53" t="s">
        <v>148</v>
      </c>
      <c r="D212" s="82" t="s">
        <v>203</v>
      </c>
      <c r="E212" s="82" t="s">
        <v>202</v>
      </c>
      <c r="F212" s="53" t="s">
        <v>279</v>
      </c>
      <c r="G212" s="53" t="s">
        <v>849</v>
      </c>
    </row>
    <row r="213" spans="1:7" ht="18.75" x14ac:dyDescent="0.3">
      <c r="A213" s="52">
        <v>193</v>
      </c>
      <c r="B213" s="51" t="s">
        <v>60</v>
      </c>
      <c r="C213" s="53" t="s">
        <v>148</v>
      </c>
      <c r="D213" s="82" t="s">
        <v>203</v>
      </c>
      <c r="E213" s="82" t="s">
        <v>202</v>
      </c>
      <c r="F213" s="53" t="s">
        <v>279</v>
      </c>
      <c r="G213" s="53" t="s">
        <v>849</v>
      </c>
    </row>
    <row r="214" spans="1:7" ht="18.75" x14ac:dyDescent="0.3">
      <c r="A214" s="52">
        <v>194</v>
      </c>
      <c r="B214" s="51" t="s">
        <v>494</v>
      </c>
      <c r="C214" s="53" t="s">
        <v>148</v>
      </c>
      <c r="D214" s="82" t="s">
        <v>203</v>
      </c>
      <c r="E214" s="82" t="s">
        <v>202</v>
      </c>
      <c r="F214" s="53" t="s">
        <v>279</v>
      </c>
      <c r="G214" s="53" t="s">
        <v>849</v>
      </c>
    </row>
    <row r="215" spans="1:7" ht="18.75" x14ac:dyDescent="0.3">
      <c r="A215" s="52">
        <v>195</v>
      </c>
      <c r="B215" s="51" t="s">
        <v>801</v>
      </c>
      <c r="C215" s="53" t="s">
        <v>148</v>
      </c>
      <c r="D215" s="82" t="s">
        <v>203</v>
      </c>
      <c r="E215" s="82" t="s">
        <v>202</v>
      </c>
      <c r="F215" s="53" t="s">
        <v>279</v>
      </c>
      <c r="G215" s="53" t="s">
        <v>849</v>
      </c>
    </row>
    <row r="216" spans="1:7" ht="18.75" x14ac:dyDescent="0.3">
      <c r="A216" s="52">
        <v>196</v>
      </c>
      <c r="B216" s="51" t="s">
        <v>1007</v>
      </c>
      <c r="C216" s="53" t="s">
        <v>148</v>
      </c>
      <c r="D216" s="82" t="s">
        <v>203</v>
      </c>
      <c r="E216" s="82" t="s">
        <v>202</v>
      </c>
      <c r="F216" s="53" t="s">
        <v>279</v>
      </c>
      <c r="G216" s="53" t="s">
        <v>849</v>
      </c>
    </row>
    <row r="217" spans="1:7" ht="18.75" x14ac:dyDescent="0.3">
      <c r="A217" s="52">
        <v>197</v>
      </c>
      <c r="B217" s="51" t="s">
        <v>998</v>
      </c>
      <c r="C217" s="53" t="s">
        <v>148</v>
      </c>
      <c r="D217" s="82" t="s">
        <v>911</v>
      </c>
      <c r="E217" s="82" t="s">
        <v>204</v>
      </c>
      <c r="F217" s="53" t="s">
        <v>279</v>
      </c>
      <c r="G217" s="53" t="s">
        <v>912</v>
      </c>
    </row>
    <row r="218" spans="1:7" ht="18.75" x14ac:dyDescent="0.3">
      <c r="A218" s="52">
        <v>198</v>
      </c>
      <c r="B218" s="51" t="s">
        <v>997</v>
      </c>
      <c r="C218" s="53" t="s">
        <v>148</v>
      </c>
      <c r="D218" s="82" t="s">
        <v>911</v>
      </c>
      <c r="E218" s="82" t="s">
        <v>204</v>
      </c>
      <c r="F218" s="53" t="s">
        <v>279</v>
      </c>
      <c r="G218" s="53" t="s">
        <v>912</v>
      </c>
    </row>
    <row r="219" spans="1:7" ht="18.75" x14ac:dyDescent="0.3">
      <c r="A219" s="52">
        <v>199</v>
      </c>
      <c r="B219" s="51" t="s">
        <v>804</v>
      </c>
      <c r="C219" s="53" t="s">
        <v>148</v>
      </c>
      <c r="D219" s="82" t="s">
        <v>911</v>
      </c>
      <c r="E219" s="82" t="s">
        <v>204</v>
      </c>
      <c r="F219" s="53" t="s">
        <v>279</v>
      </c>
      <c r="G219" s="53" t="s">
        <v>912</v>
      </c>
    </row>
    <row r="220" spans="1:7" ht="18.75" x14ac:dyDescent="0.3">
      <c r="A220" s="52">
        <v>200</v>
      </c>
      <c r="B220" s="51" t="s">
        <v>1002</v>
      </c>
      <c r="C220" s="53" t="s">
        <v>148</v>
      </c>
      <c r="D220" s="82" t="s">
        <v>911</v>
      </c>
      <c r="E220" s="82" t="s">
        <v>204</v>
      </c>
      <c r="F220" s="53" t="s">
        <v>279</v>
      </c>
      <c r="G220" s="53" t="s">
        <v>912</v>
      </c>
    </row>
    <row r="221" spans="1:7" ht="18.75" x14ac:dyDescent="0.3">
      <c r="A221" s="52">
        <v>201</v>
      </c>
      <c r="B221" s="51" t="s">
        <v>1003</v>
      </c>
      <c r="C221" s="53" t="s">
        <v>148</v>
      </c>
      <c r="D221" s="82" t="s">
        <v>911</v>
      </c>
      <c r="E221" s="82" t="s">
        <v>204</v>
      </c>
      <c r="F221" s="53" t="s">
        <v>279</v>
      </c>
      <c r="G221" s="53" t="s">
        <v>912</v>
      </c>
    </row>
    <row r="222" spans="1:7" ht="18.75" x14ac:dyDescent="0.3">
      <c r="A222" s="52">
        <v>202</v>
      </c>
      <c r="B222" s="51" t="s">
        <v>805</v>
      </c>
      <c r="C222" s="53" t="s">
        <v>148</v>
      </c>
      <c r="D222" s="82" t="s">
        <v>806</v>
      </c>
      <c r="E222" s="82" t="s">
        <v>204</v>
      </c>
      <c r="F222" s="53" t="s">
        <v>279</v>
      </c>
      <c r="G222" s="53" t="s">
        <v>807</v>
      </c>
    </row>
    <row r="223" spans="1:7" ht="18.75" x14ac:dyDescent="0.3">
      <c r="A223" s="52">
        <v>203</v>
      </c>
      <c r="B223" s="51" t="s">
        <v>808</v>
      </c>
      <c r="C223" s="53" t="s">
        <v>148</v>
      </c>
      <c r="D223" s="82" t="s">
        <v>806</v>
      </c>
      <c r="E223" s="82" t="s">
        <v>204</v>
      </c>
      <c r="F223" s="53" t="s">
        <v>279</v>
      </c>
      <c r="G223" s="53" t="s">
        <v>807</v>
      </c>
    </row>
    <row r="224" spans="1:7" ht="18.75" x14ac:dyDescent="0.3">
      <c r="A224" s="52">
        <v>204</v>
      </c>
      <c r="B224" s="51" t="s">
        <v>809</v>
      </c>
      <c r="C224" s="53" t="str">
        <f t="shared" ref="C224:G225" si="19">C223</f>
        <v>Garda</v>
      </c>
      <c r="D224" s="82" t="str">
        <f t="shared" si="19"/>
        <v>Ballyfermot</v>
      </c>
      <c r="E224" s="82" t="str">
        <f t="shared" si="19"/>
        <v xml:space="preserve">Clondalkin </v>
      </c>
      <c r="F224" s="53" t="str">
        <f t="shared" si="19"/>
        <v>DMR West</v>
      </c>
      <c r="G224" s="53" t="str">
        <f t="shared" si="19"/>
        <v>(01) 6667200</v>
      </c>
    </row>
    <row r="225" spans="1:7" ht="18.75" x14ac:dyDescent="0.3">
      <c r="A225" s="52">
        <v>205</v>
      </c>
      <c r="B225" s="51" t="s">
        <v>1001</v>
      </c>
      <c r="C225" s="53" t="str">
        <f t="shared" si="19"/>
        <v>Garda</v>
      </c>
      <c r="D225" s="82" t="str">
        <f t="shared" si="19"/>
        <v>Ballyfermot</v>
      </c>
      <c r="E225" s="82" t="str">
        <f t="shared" si="19"/>
        <v xml:space="preserve">Clondalkin </v>
      </c>
      <c r="F225" s="53" t="str">
        <f t="shared" si="19"/>
        <v>DMR West</v>
      </c>
      <c r="G225" s="53" t="str">
        <f t="shared" si="19"/>
        <v>(01) 6667200</v>
      </c>
    </row>
    <row r="226" spans="1:7" ht="18.75" x14ac:dyDescent="0.3">
      <c r="A226" s="52">
        <v>206</v>
      </c>
      <c r="B226" s="51" t="s">
        <v>1004</v>
      </c>
      <c r="C226" s="53" t="s">
        <v>148</v>
      </c>
      <c r="D226" s="82" t="s">
        <v>1005</v>
      </c>
      <c r="E226" s="82" t="str">
        <f>E225</f>
        <v xml:space="preserve">Clondalkin </v>
      </c>
      <c r="F226" s="53" t="str">
        <f>F225</f>
        <v>DMR West</v>
      </c>
      <c r="G226" s="53" t="s">
        <v>1006</v>
      </c>
    </row>
    <row r="227" spans="1:7" ht="18.75" x14ac:dyDescent="0.3">
      <c r="A227" s="52">
        <v>207</v>
      </c>
      <c r="B227" s="51" t="s">
        <v>798</v>
      </c>
      <c r="C227" s="53" t="str">
        <f>C228</f>
        <v>Sergeant</v>
      </c>
      <c r="D227" s="82" t="str">
        <f>D228</f>
        <v>Ronanstown</v>
      </c>
      <c r="E227" s="82" t="str">
        <f>E228</f>
        <v>Lucan</v>
      </c>
      <c r="F227" s="53" t="str">
        <f>F228</f>
        <v>DMR West</v>
      </c>
      <c r="G227" s="53" t="str">
        <f>G228</f>
        <v>(01) 6667700</v>
      </c>
    </row>
    <row r="228" spans="1:7" ht="18.75" x14ac:dyDescent="0.3">
      <c r="A228" s="52">
        <v>208</v>
      </c>
      <c r="B228" s="51" t="s">
        <v>795</v>
      </c>
      <c r="C228" s="53" t="s">
        <v>147</v>
      </c>
      <c r="D228" s="82" t="s">
        <v>796</v>
      </c>
      <c r="E228" s="82" t="s">
        <v>709</v>
      </c>
      <c r="F228" s="53" t="s">
        <v>279</v>
      </c>
      <c r="G228" s="53" t="s">
        <v>797</v>
      </c>
    </row>
    <row r="229" spans="1:7" ht="18.75" x14ac:dyDescent="0.3">
      <c r="A229" s="52">
        <v>209</v>
      </c>
      <c r="B229" s="51" t="s">
        <v>995</v>
      </c>
      <c r="C229" s="53" t="s">
        <v>148</v>
      </c>
      <c r="D229" s="82" t="s">
        <v>796</v>
      </c>
      <c r="E229" s="82" t="s">
        <v>709</v>
      </c>
      <c r="F229" s="53" t="s">
        <v>279</v>
      </c>
      <c r="G229" s="53" t="s">
        <v>797</v>
      </c>
    </row>
    <row r="230" spans="1:7" ht="18.75" x14ac:dyDescent="0.3">
      <c r="A230" s="52">
        <v>210</v>
      </c>
      <c r="B230" s="51" t="s">
        <v>1010</v>
      </c>
      <c r="C230" s="53" t="s">
        <v>148</v>
      </c>
      <c r="D230" s="82" t="s">
        <v>796</v>
      </c>
      <c r="E230" s="82" t="s">
        <v>709</v>
      </c>
      <c r="F230" s="53" t="s">
        <v>279</v>
      </c>
      <c r="G230" s="53" t="s">
        <v>797</v>
      </c>
    </row>
    <row r="231" spans="1:7" ht="18.75" x14ac:dyDescent="0.3">
      <c r="A231" s="52">
        <v>211</v>
      </c>
      <c r="B231" s="51" t="s">
        <v>405</v>
      </c>
      <c r="C231" s="53" t="s">
        <v>147</v>
      </c>
      <c r="D231" s="82" t="s">
        <v>709</v>
      </c>
      <c r="E231" s="82" t="s">
        <v>709</v>
      </c>
      <c r="F231" s="53" t="s">
        <v>279</v>
      </c>
      <c r="G231" s="53" t="s">
        <v>710</v>
      </c>
    </row>
    <row r="232" spans="1:7" ht="19.5" thickBot="1" x14ac:dyDescent="0.35">
      <c r="A232" s="55">
        <v>212</v>
      </c>
      <c r="B232" s="58" t="s">
        <v>999</v>
      </c>
      <c r="C232" s="56" t="s">
        <v>148</v>
      </c>
      <c r="D232" s="156" t="s">
        <v>709</v>
      </c>
      <c r="E232" s="156" t="s">
        <v>709</v>
      </c>
      <c r="F232" s="56" t="s">
        <v>279</v>
      </c>
      <c r="G232" s="56" t="s">
        <v>710</v>
      </c>
    </row>
    <row r="233" spans="1:7" ht="24" customHeight="1" thickBot="1" x14ac:dyDescent="0.3">
      <c r="A233" s="221" t="s">
        <v>1015</v>
      </c>
      <c r="B233" s="222"/>
      <c r="C233" s="222"/>
      <c r="D233" s="222"/>
      <c r="E233" s="222"/>
      <c r="F233" s="222"/>
      <c r="G233" s="223"/>
    </row>
    <row r="234" spans="1:7" ht="19.5" thickBot="1" x14ac:dyDescent="0.3">
      <c r="A234" s="8" t="s">
        <v>392</v>
      </c>
      <c r="B234" s="8" t="s">
        <v>0</v>
      </c>
      <c r="C234" s="8" t="s">
        <v>146</v>
      </c>
      <c r="D234" s="8" t="s">
        <v>151</v>
      </c>
      <c r="E234" s="8" t="s">
        <v>264</v>
      </c>
      <c r="F234" s="8" t="s">
        <v>272</v>
      </c>
      <c r="G234" s="8" t="s">
        <v>282</v>
      </c>
    </row>
    <row r="235" spans="1:7" ht="18.75" x14ac:dyDescent="0.3">
      <c r="A235" s="47">
        <v>213</v>
      </c>
      <c r="B235" s="48" t="s">
        <v>996</v>
      </c>
      <c r="C235" s="48" t="s">
        <v>148</v>
      </c>
      <c r="D235" s="193" t="s">
        <v>709</v>
      </c>
      <c r="E235" s="193" t="s">
        <v>709</v>
      </c>
      <c r="F235" s="48" t="s">
        <v>279</v>
      </c>
      <c r="G235" s="48" t="s">
        <v>710</v>
      </c>
    </row>
    <row r="236" spans="1:7" ht="18.75" x14ac:dyDescent="0.3">
      <c r="A236" s="52">
        <v>214</v>
      </c>
      <c r="B236" s="53" t="s">
        <v>646</v>
      </c>
      <c r="C236" s="53" t="s">
        <v>148</v>
      </c>
      <c r="D236" s="82" t="s">
        <v>709</v>
      </c>
      <c r="E236" s="82" t="s">
        <v>709</v>
      </c>
      <c r="F236" s="53" t="s">
        <v>279</v>
      </c>
      <c r="G236" s="53" t="s">
        <v>710</v>
      </c>
    </row>
    <row r="237" spans="1:7" ht="18.75" x14ac:dyDescent="0.3">
      <c r="A237" s="52">
        <v>215</v>
      </c>
      <c r="B237" s="53" t="s">
        <v>811</v>
      </c>
      <c r="C237" s="53" t="str">
        <f t="shared" ref="C237:G237" si="20">C236</f>
        <v>Garda</v>
      </c>
      <c r="D237" s="82" t="str">
        <f t="shared" si="20"/>
        <v>Lucan</v>
      </c>
      <c r="E237" s="82" t="str">
        <f t="shared" si="20"/>
        <v>Lucan</v>
      </c>
      <c r="F237" s="53" t="str">
        <f t="shared" si="20"/>
        <v>DMR West</v>
      </c>
      <c r="G237" s="53" t="str">
        <f t="shared" si="20"/>
        <v>(01) 6667300</v>
      </c>
    </row>
    <row r="238" spans="1:7" ht="18.75" x14ac:dyDescent="0.3">
      <c r="A238" s="52">
        <v>216</v>
      </c>
      <c r="B238" s="53" t="s">
        <v>812</v>
      </c>
      <c r="C238" s="53" t="str">
        <f t="shared" ref="C238:G239" si="21">C236</f>
        <v>Garda</v>
      </c>
      <c r="D238" s="82" t="str">
        <f t="shared" si="21"/>
        <v>Lucan</v>
      </c>
      <c r="E238" s="82" t="str">
        <f t="shared" si="21"/>
        <v>Lucan</v>
      </c>
      <c r="F238" s="53" t="str">
        <f t="shared" si="21"/>
        <v>DMR West</v>
      </c>
      <c r="G238" s="53" t="str">
        <f t="shared" si="21"/>
        <v>(01) 6667300</v>
      </c>
    </row>
    <row r="239" spans="1:7" ht="18.75" x14ac:dyDescent="0.3">
      <c r="A239" s="52">
        <v>217</v>
      </c>
      <c r="B239" s="53" t="s">
        <v>1013</v>
      </c>
      <c r="C239" s="53" t="str">
        <f t="shared" si="21"/>
        <v>Garda</v>
      </c>
      <c r="D239" s="82" t="str">
        <f t="shared" si="21"/>
        <v>Lucan</v>
      </c>
      <c r="E239" s="82" t="str">
        <f t="shared" si="21"/>
        <v>Lucan</v>
      </c>
      <c r="F239" s="53" t="str">
        <f t="shared" si="21"/>
        <v>DMR West</v>
      </c>
      <c r="G239" s="53" t="str">
        <f t="shared" si="21"/>
        <v>(01) 6667300</v>
      </c>
    </row>
    <row r="240" spans="1:7" ht="18.75" x14ac:dyDescent="0.3">
      <c r="A240" s="52">
        <v>218</v>
      </c>
      <c r="B240" s="53" t="s">
        <v>1009</v>
      </c>
      <c r="C240" s="53" t="str">
        <f>C237</f>
        <v>Garda</v>
      </c>
      <c r="D240" s="82" t="str">
        <f>D237</f>
        <v>Lucan</v>
      </c>
      <c r="E240" s="82" t="str">
        <f>E237</f>
        <v>Lucan</v>
      </c>
      <c r="F240" s="53" t="str">
        <f>F237</f>
        <v>DMR West</v>
      </c>
      <c r="G240" s="53" t="str">
        <f>G237</f>
        <v>(01) 6667300</v>
      </c>
    </row>
    <row r="241" spans="1:7" ht="19.5" thickBot="1" x14ac:dyDescent="0.35">
      <c r="A241" s="55">
        <v>219</v>
      </c>
      <c r="B241" s="56" t="s">
        <v>813</v>
      </c>
      <c r="C241" s="56" t="str">
        <f t="shared" ref="C241:G241" si="22">C236</f>
        <v>Garda</v>
      </c>
      <c r="D241" s="156" t="str">
        <f t="shared" si="22"/>
        <v>Lucan</v>
      </c>
      <c r="E241" s="156" t="str">
        <f t="shared" si="22"/>
        <v>Lucan</v>
      </c>
      <c r="F241" s="56" t="str">
        <f t="shared" si="22"/>
        <v>DMR West</v>
      </c>
      <c r="G241" s="56" t="str">
        <f t="shared" si="22"/>
        <v>(01) 6667300</v>
      </c>
    </row>
    <row r="242" spans="1:7" ht="24.75" customHeight="1" thickBot="1" x14ac:dyDescent="0.3">
      <c r="A242" s="221" t="s">
        <v>835</v>
      </c>
      <c r="B242" s="222"/>
      <c r="C242" s="222"/>
      <c r="D242" s="222"/>
      <c r="E242" s="222"/>
      <c r="F242" s="222"/>
      <c r="G242" s="223"/>
    </row>
    <row r="243" spans="1:7" ht="19.5" thickBot="1" x14ac:dyDescent="0.3">
      <c r="A243" s="7" t="s">
        <v>392</v>
      </c>
      <c r="B243" s="8" t="s">
        <v>0</v>
      </c>
      <c r="C243" s="8" t="s">
        <v>146</v>
      </c>
      <c r="D243" s="8" t="s">
        <v>151</v>
      </c>
      <c r="E243" s="8" t="s">
        <v>264</v>
      </c>
      <c r="F243" s="8" t="s">
        <v>272</v>
      </c>
      <c r="G243" s="8" t="s">
        <v>282</v>
      </c>
    </row>
    <row r="244" spans="1:7" ht="18.75" x14ac:dyDescent="0.3">
      <c r="A244" s="72">
        <v>220</v>
      </c>
      <c r="B244" s="83" t="s">
        <v>965</v>
      </c>
      <c r="C244" s="73" t="s">
        <v>147</v>
      </c>
      <c r="D244" s="74" t="s">
        <v>193</v>
      </c>
      <c r="E244" s="74" t="s">
        <v>193</v>
      </c>
      <c r="F244" s="73" t="s">
        <v>276</v>
      </c>
      <c r="G244" s="73" t="s">
        <v>324</v>
      </c>
    </row>
    <row r="245" spans="1:7" ht="18.75" x14ac:dyDescent="0.3">
      <c r="A245" s="30">
        <v>221</v>
      </c>
      <c r="B245" s="35" t="s">
        <v>447</v>
      </c>
      <c r="C245" s="34" t="s">
        <v>148</v>
      </c>
      <c r="D245" s="32" t="s">
        <v>193</v>
      </c>
      <c r="E245" s="34" t="s">
        <v>193</v>
      </c>
      <c r="F245" s="34" t="s">
        <v>276</v>
      </c>
      <c r="G245" s="34" t="s">
        <v>324</v>
      </c>
    </row>
    <row r="246" spans="1:7" ht="18.75" x14ac:dyDescent="0.3">
      <c r="A246" s="30">
        <v>222</v>
      </c>
      <c r="B246" s="35" t="s">
        <v>448</v>
      </c>
      <c r="C246" s="34" t="s">
        <v>148</v>
      </c>
      <c r="D246" s="32" t="s">
        <v>193</v>
      </c>
      <c r="E246" s="34" t="s">
        <v>193</v>
      </c>
      <c r="F246" s="34" t="s">
        <v>276</v>
      </c>
      <c r="G246" s="34" t="s">
        <v>324</v>
      </c>
    </row>
    <row r="247" spans="1:7" ht="18.75" x14ac:dyDescent="0.3">
      <c r="A247" s="30">
        <v>223</v>
      </c>
      <c r="B247" s="35" t="s">
        <v>734</v>
      </c>
      <c r="C247" s="34" t="s">
        <v>148</v>
      </c>
      <c r="D247" s="32" t="s">
        <v>193</v>
      </c>
      <c r="E247" s="34" t="s">
        <v>193</v>
      </c>
      <c r="F247" s="34" t="s">
        <v>276</v>
      </c>
      <c r="G247" s="34" t="s">
        <v>324</v>
      </c>
    </row>
    <row r="248" spans="1:7" ht="18.75" x14ac:dyDescent="0.3">
      <c r="A248" s="30">
        <v>224</v>
      </c>
      <c r="B248" s="35" t="s">
        <v>735</v>
      </c>
      <c r="C248" s="34" t="s">
        <v>148</v>
      </c>
      <c r="D248" s="32" t="s">
        <v>193</v>
      </c>
      <c r="E248" s="34" t="s">
        <v>193</v>
      </c>
      <c r="F248" s="34" t="s">
        <v>276</v>
      </c>
      <c r="G248" s="34" t="s">
        <v>324</v>
      </c>
    </row>
    <row r="249" spans="1:7" ht="18.75" x14ac:dyDescent="0.3">
      <c r="A249" s="30">
        <v>225</v>
      </c>
      <c r="B249" s="35" t="s">
        <v>736</v>
      </c>
      <c r="C249" s="34" t="s">
        <v>148</v>
      </c>
      <c r="D249" s="32" t="s">
        <v>193</v>
      </c>
      <c r="E249" s="34" t="s">
        <v>193</v>
      </c>
      <c r="F249" s="34" t="s">
        <v>276</v>
      </c>
      <c r="G249" s="34" t="s">
        <v>324</v>
      </c>
    </row>
    <row r="250" spans="1:7" ht="18.75" x14ac:dyDescent="0.3">
      <c r="A250" s="30">
        <v>226</v>
      </c>
      <c r="B250" s="35" t="s">
        <v>737</v>
      </c>
      <c r="C250" s="34" t="str">
        <f t="shared" ref="C250:G256" si="23">C249</f>
        <v>Garda</v>
      </c>
      <c r="D250" s="32" t="str">
        <f t="shared" si="23"/>
        <v xml:space="preserve">Store Street </v>
      </c>
      <c r="E250" s="34" t="str">
        <f t="shared" si="23"/>
        <v xml:space="preserve">Store Street </v>
      </c>
      <c r="F250" s="34" t="str">
        <f t="shared" si="23"/>
        <v>DMR North Central</v>
      </c>
      <c r="G250" s="34" t="str">
        <f t="shared" si="23"/>
        <v>(01) 6668000</v>
      </c>
    </row>
    <row r="251" spans="1:7" ht="18.75" x14ac:dyDescent="0.3">
      <c r="A251" s="30">
        <v>227</v>
      </c>
      <c r="B251" s="35" t="s">
        <v>738</v>
      </c>
      <c r="C251" s="34" t="str">
        <f t="shared" si="23"/>
        <v>Garda</v>
      </c>
      <c r="D251" s="32" t="str">
        <f t="shared" si="23"/>
        <v xml:space="preserve">Store Street </v>
      </c>
      <c r="E251" s="34" t="str">
        <f t="shared" si="23"/>
        <v xml:space="preserve">Store Street </v>
      </c>
      <c r="F251" s="34" t="str">
        <f t="shared" si="23"/>
        <v>DMR North Central</v>
      </c>
      <c r="G251" s="34" t="str">
        <f t="shared" si="23"/>
        <v>(01) 6668000</v>
      </c>
    </row>
    <row r="252" spans="1:7" ht="18.75" x14ac:dyDescent="0.3">
      <c r="A252" s="30">
        <v>228</v>
      </c>
      <c r="B252" s="35" t="s">
        <v>740</v>
      </c>
      <c r="C252" s="34" t="s">
        <v>148</v>
      </c>
      <c r="D252" s="32" t="s">
        <v>193</v>
      </c>
      <c r="E252" s="32" t="s">
        <v>193</v>
      </c>
      <c r="F252" s="34" t="str">
        <f t="shared" si="23"/>
        <v>DMR North Central</v>
      </c>
      <c r="G252" s="34" t="str">
        <f t="shared" si="23"/>
        <v>(01) 6668000</v>
      </c>
    </row>
    <row r="253" spans="1:7" ht="18.75" x14ac:dyDescent="0.3">
      <c r="A253" s="30">
        <v>229</v>
      </c>
      <c r="B253" s="35" t="s">
        <v>949</v>
      </c>
      <c r="C253" s="34" t="s">
        <v>148</v>
      </c>
      <c r="D253" s="32" t="s">
        <v>193</v>
      </c>
      <c r="E253" s="32" t="s">
        <v>193</v>
      </c>
      <c r="F253" s="34" t="str">
        <f t="shared" si="23"/>
        <v>DMR North Central</v>
      </c>
      <c r="G253" s="34" t="str">
        <f t="shared" si="23"/>
        <v>(01) 6668000</v>
      </c>
    </row>
    <row r="254" spans="1:7" ht="18.75" x14ac:dyDescent="0.3">
      <c r="A254" s="30">
        <v>230</v>
      </c>
      <c r="B254" s="35" t="s">
        <v>950</v>
      </c>
      <c r="C254" s="34" t="s">
        <v>148</v>
      </c>
      <c r="D254" s="32" t="s">
        <v>193</v>
      </c>
      <c r="E254" s="32" t="s">
        <v>193</v>
      </c>
      <c r="F254" s="34" t="str">
        <f t="shared" si="23"/>
        <v>DMR North Central</v>
      </c>
      <c r="G254" s="34" t="str">
        <f t="shared" si="23"/>
        <v>(01) 6668000</v>
      </c>
    </row>
    <row r="255" spans="1:7" ht="18.75" x14ac:dyDescent="0.3">
      <c r="A255" s="30">
        <v>231</v>
      </c>
      <c r="B255" s="35" t="s">
        <v>951</v>
      </c>
      <c r="C255" s="34" t="s">
        <v>148</v>
      </c>
      <c r="D255" s="32" t="s">
        <v>193</v>
      </c>
      <c r="E255" s="32" t="s">
        <v>193</v>
      </c>
      <c r="F255" s="34" t="str">
        <f t="shared" si="23"/>
        <v>DMR North Central</v>
      </c>
      <c r="G255" s="34" t="str">
        <f t="shared" si="23"/>
        <v>(01) 6668000</v>
      </c>
    </row>
    <row r="256" spans="1:7" ht="18.75" x14ac:dyDescent="0.3">
      <c r="A256" s="30">
        <v>232</v>
      </c>
      <c r="B256" s="35" t="s">
        <v>953</v>
      </c>
      <c r="C256" s="34" t="s">
        <v>148</v>
      </c>
      <c r="D256" s="32" t="s">
        <v>193</v>
      </c>
      <c r="E256" s="32" t="s">
        <v>193</v>
      </c>
      <c r="F256" s="34" t="str">
        <f t="shared" si="23"/>
        <v>DMR North Central</v>
      </c>
      <c r="G256" s="34" t="str">
        <f t="shared" si="23"/>
        <v>(01) 6668000</v>
      </c>
    </row>
    <row r="257" spans="1:7" ht="18.75" x14ac:dyDescent="0.3">
      <c r="A257" s="30">
        <v>233</v>
      </c>
      <c r="B257" s="35" t="s">
        <v>952</v>
      </c>
      <c r="C257" s="34" t="s">
        <v>148</v>
      </c>
      <c r="D257" s="32" t="s">
        <v>193</v>
      </c>
      <c r="E257" s="32" t="s">
        <v>193</v>
      </c>
      <c r="F257" s="34" t="str">
        <f>F255</f>
        <v>DMR North Central</v>
      </c>
      <c r="G257" s="34" t="str">
        <f>G255</f>
        <v>(01) 6668000</v>
      </c>
    </row>
    <row r="258" spans="1:7" ht="18.75" x14ac:dyDescent="0.3">
      <c r="A258" s="30">
        <v>234</v>
      </c>
      <c r="B258" s="35" t="s">
        <v>957</v>
      </c>
      <c r="C258" s="34" t="s">
        <v>148</v>
      </c>
      <c r="D258" s="32" t="s">
        <v>193</v>
      </c>
      <c r="E258" s="32" t="s">
        <v>193</v>
      </c>
      <c r="F258" s="34" t="str">
        <f>F256</f>
        <v>DMR North Central</v>
      </c>
      <c r="G258" s="34" t="str">
        <f>G256</f>
        <v>(01) 6668000</v>
      </c>
    </row>
    <row r="259" spans="1:7" ht="18.75" x14ac:dyDescent="0.3">
      <c r="A259" s="30">
        <v>235</v>
      </c>
      <c r="B259" s="35" t="s">
        <v>956</v>
      </c>
      <c r="C259" s="34" t="s">
        <v>148</v>
      </c>
      <c r="D259" s="32" t="s">
        <v>193</v>
      </c>
      <c r="E259" s="32" t="s">
        <v>193</v>
      </c>
      <c r="F259" s="34" t="str">
        <f>F256</f>
        <v>DMR North Central</v>
      </c>
      <c r="G259" s="34" t="str">
        <f>G256</f>
        <v>(01) 6668000</v>
      </c>
    </row>
    <row r="260" spans="1:7" ht="18.75" x14ac:dyDescent="0.3">
      <c r="A260" s="30">
        <v>236</v>
      </c>
      <c r="B260" s="35" t="s">
        <v>978</v>
      </c>
      <c r="C260" s="34" t="s">
        <v>148</v>
      </c>
      <c r="D260" s="32" t="s">
        <v>193</v>
      </c>
      <c r="E260" s="32" t="s">
        <v>193</v>
      </c>
      <c r="F260" s="34" t="str">
        <f>F256</f>
        <v>DMR North Central</v>
      </c>
      <c r="G260" s="34" t="str">
        <f>G256</f>
        <v>(01) 6668000</v>
      </c>
    </row>
    <row r="261" spans="1:7" ht="18.75" x14ac:dyDescent="0.3">
      <c r="A261" s="30">
        <v>237</v>
      </c>
      <c r="B261" s="35" t="s">
        <v>955</v>
      </c>
      <c r="C261" s="34" t="s">
        <v>148</v>
      </c>
      <c r="D261" s="32" t="s">
        <v>193</v>
      </c>
      <c r="E261" s="32" t="s">
        <v>193</v>
      </c>
      <c r="F261" s="34" t="str">
        <f>F256</f>
        <v>DMR North Central</v>
      </c>
      <c r="G261" s="34" t="str">
        <f>G256</f>
        <v>(01) 6668000</v>
      </c>
    </row>
    <row r="262" spans="1:7" ht="18.75" x14ac:dyDescent="0.3">
      <c r="A262" s="30">
        <v>238</v>
      </c>
      <c r="B262" s="35" t="s">
        <v>954</v>
      </c>
      <c r="C262" s="34" t="s">
        <v>148</v>
      </c>
      <c r="D262" s="32" t="s">
        <v>193</v>
      </c>
      <c r="E262" s="32" t="s">
        <v>193</v>
      </c>
      <c r="F262" s="34" t="str">
        <f t="shared" ref="F262:G264" si="24">F256</f>
        <v>DMR North Central</v>
      </c>
      <c r="G262" s="34" t="str">
        <f t="shared" si="24"/>
        <v>(01) 6668000</v>
      </c>
    </row>
    <row r="263" spans="1:7" ht="18.75" x14ac:dyDescent="0.3">
      <c r="A263" s="30">
        <v>239</v>
      </c>
      <c r="B263" s="35" t="s">
        <v>960</v>
      </c>
      <c r="C263" s="34" t="s">
        <v>148</v>
      </c>
      <c r="D263" s="32" t="s">
        <v>193</v>
      </c>
      <c r="E263" s="32" t="s">
        <v>193</v>
      </c>
      <c r="F263" s="34" t="str">
        <f t="shared" si="24"/>
        <v>DMR North Central</v>
      </c>
      <c r="G263" s="34" t="str">
        <f t="shared" si="24"/>
        <v>(01) 6668000</v>
      </c>
    </row>
    <row r="264" spans="1:7" ht="18.75" x14ac:dyDescent="0.3">
      <c r="A264" s="30">
        <v>240</v>
      </c>
      <c r="B264" s="35" t="s">
        <v>975</v>
      </c>
      <c r="C264" s="34" t="s">
        <v>148</v>
      </c>
      <c r="D264" s="32" t="s">
        <v>193</v>
      </c>
      <c r="E264" s="32" t="s">
        <v>193</v>
      </c>
      <c r="F264" s="34" t="str">
        <f t="shared" si="24"/>
        <v>DMR North Central</v>
      </c>
      <c r="G264" s="34" t="str">
        <f t="shared" si="24"/>
        <v>(01) 6668000</v>
      </c>
    </row>
    <row r="265" spans="1:7" ht="18.75" x14ac:dyDescent="0.3">
      <c r="A265" s="30">
        <v>241</v>
      </c>
      <c r="B265" s="35" t="s">
        <v>959</v>
      </c>
      <c r="C265" s="34" t="s">
        <v>148</v>
      </c>
      <c r="D265" s="32" t="s">
        <v>193</v>
      </c>
      <c r="E265" s="32" t="s">
        <v>193</v>
      </c>
      <c r="F265" s="34" t="str">
        <f>F257</f>
        <v>DMR North Central</v>
      </c>
      <c r="G265" s="34" t="str">
        <f>G257</f>
        <v>(01) 6668000</v>
      </c>
    </row>
    <row r="266" spans="1:7" ht="18.75" x14ac:dyDescent="0.3">
      <c r="A266" s="30">
        <v>242</v>
      </c>
      <c r="B266" s="35" t="s">
        <v>958</v>
      </c>
      <c r="C266" s="34" t="s">
        <v>148</v>
      </c>
      <c r="D266" s="32" t="s">
        <v>193</v>
      </c>
      <c r="E266" s="32" t="s">
        <v>193</v>
      </c>
      <c r="F266" s="34" t="str">
        <f>F258</f>
        <v>DMR North Central</v>
      </c>
      <c r="G266" s="34" t="str">
        <f>G258</f>
        <v>(01) 6668000</v>
      </c>
    </row>
    <row r="267" spans="1:7" ht="18.75" x14ac:dyDescent="0.3">
      <c r="A267" s="30">
        <v>243</v>
      </c>
      <c r="B267" s="35" t="s">
        <v>966</v>
      </c>
      <c r="C267" s="34" t="s">
        <v>148</v>
      </c>
      <c r="D267" s="32" t="s">
        <v>193</v>
      </c>
      <c r="E267" s="32" t="s">
        <v>193</v>
      </c>
      <c r="F267" s="34" t="str">
        <f t="shared" ref="F267:G268" si="25">F259</f>
        <v>DMR North Central</v>
      </c>
      <c r="G267" s="34" t="str">
        <f t="shared" si="25"/>
        <v>(01) 6668000</v>
      </c>
    </row>
    <row r="268" spans="1:7" ht="18.75" x14ac:dyDescent="0.3">
      <c r="A268" s="30">
        <v>244</v>
      </c>
      <c r="B268" s="35" t="s">
        <v>967</v>
      </c>
      <c r="C268" s="34" t="s">
        <v>148</v>
      </c>
      <c r="D268" s="32" t="s">
        <v>193</v>
      </c>
      <c r="E268" s="32" t="s">
        <v>193</v>
      </c>
      <c r="F268" s="34" t="str">
        <f t="shared" si="25"/>
        <v>DMR North Central</v>
      </c>
      <c r="G268" s="34" t="str">
        <f t="shared" si="25"/>
        <v>(01) 6668000</v>
      </c>
    </row>
    <row r="269" spans="1:7" ht="18.75" x14ac:dyDescent="0.3">
      <c r="A269" s="30">
        <v>245</v>
      </c>
      <c r="B269" s="35" t="s">
        <v>976</v>
      </c>
      <c r="C269" s="34" t="s">
        <v>148</v>
      </c>
      <c r="D269" s="32" t="s">
        <v>193</v>
      </c>
      <c r="E269" s="32" t="s">
        <v>193</v>
      </c>
      <c r="F269" s="34" t="str">
        <f>F260</f>
        <v>DMR North Central</v>
      </c>
      <c r="G269" s="34" t="str">
        <f>G260</f>
        <v>(01) 6668000</v>
      </c>
    </row>
    <row r="270" spans="1:7" ht="18.75" x14ac:dyDescent="0.3">
      <c r="A270" s="30">
        <v>246</v>
      </c>
      <c r="B270" s="35" t="s">
        <v>974</v>
      </c>
      <c r="C270" s="34" t="s">
        <v>148</v>
      </c>
      <c r="D270" s="32" t="s">
        <v>193</v>
      </c>
      <c r="E270" s="32" t="s">
        <v>193</v>
      </c>
      <c r="F270" s="34" t="str">
        <f>F261</f>
        <v>DMR North Central</v>
      </c>
      <c r="G270" s="34" t="str">
        <f>G261</f>
        <v>(01) 6668000</v>
      </c>
    </row>
    <row r="271" spans="1:7" ht="18.75" x14ac:dyDescent="0.3">
      <c r="A271" s="30">
        <v>247</v>
      </c>
      <c r="B271" s="35" t="s">
        <v>973</v>
      </c>
      <c r="C271" s="34" t="s">
        <v>148</v>
      </c>
      <c r="D271" s="32" t="s">
        <v>193</v>
      </c>
      <c r="E271" s="32" t="s">
        <v>193</v>
      </c>
      <c r="F271" s="34" t="str">
        <f>F261</f>
        <v>DMR North Central</v>
      </c>
      <c r="G271" s="34" t="str">
        <f>G261</f>
        <v>(01) 6668000</v>
      </c>
    </row>
    <row r="272" spans="1:7" ht="18.75" x14ac:dyDescent="0.3">
      <c r="A272" s="30">
        <v>248</v>
      </c>
      <c r="B272" s="35" t="s">
        <v>972</v>
      </c>
      <c r="C272" s="34" t="s">
        <v>148</v>
      </c>
      <c r="D272" s="32" t="s">
        <v>193</v>
      </c>
      <c r="E272" s="32" t="s">
        <v>193</v>
      </c>
      <c r="F272" s="34" t="str">
        <f>F261</f>
        <v>DMR North Central</v>
      </c>
      <c r="G272" s="34" t="str">
        <f>G261</f>
        <v>(01) 6668000</v>
      </c>
    </row>
    <row r="273" spans="1:7" ht="18.75" x14ac:dyDescent="0.3">
      <c r="A273" s="30">
        <v>249</v>
      </c>
      <c r="B273" s="35" t="s">
        <v>961</v>
      </c>
      <c r="C273" s="34" t="s">
        <v>148</v>
      </c>
      <c r="D273" s="32" t="s">
        <v>193</v>
      </c>
      <c r="E273" s="32" t="s">
        <v>193</v>
      </c>
      <c r="F273" s="34" t="str">
        <f>F258</f>
        <v>DMR North Central</v>
      </c>
      <c r="G273" s="34" t="str">
        <f>G258</f>
        <v>(01) 6668000</v>
      </c>
    </row>
    <row r="274" spans="1:7" ht="17.25" customHeight="1" x14ac:dyDescent="0.3">
      <c r="A274" s="30">
        <v>250</v>
      </c>
      <c r="B274" s="35" t="s">
        <v>745</v>
      </c>
      <c r="C274" s="34" t="s">
        <v>148</v>
      </c>
      <c r="D274" s="32" t="s">
        <v>193</v>
      </c>
      <c r="E274" s="34" t="s">
        <v>193</v>
      </c>
      <c r="F274" s="34" t="s">
        <v>276</v>
      </c>
      <c r="G274" s="34" t="s">
        <v>324</v>
      </c>
    </row>
    <row r="275" spans="1:7" ht="18.75" x14ac:dyDescent="0.3">
      <c r="A275" s="30">
        <v>251</v>
      </c>
      <c r="B275" s="35" t="s">
        <v>948</v>
      </c>
      <c r="C275" s="34" t="s">
        <v>148</v>
      </c>
      <c r="D275" s="32" t="s">
        <v>158</v>
      </c>
      <c r="E275" s="34" t="s">
        <v>158</v>
      </c>
      <c r="F275" s="34" t="s">
        <v>276</v>
      </c>
      <c r="G275" s="34" t="s">
        <v>322</v>
      </c>
    </row>
    <row r="276" spans="1:7" ht="20.25" customHeight="1" x14ac:dyDescent="0.3">
      <c r="A276" s="30">
        <v>252</v>
      </c>
      <c r="B276" s="35" t="s">
        <v>50</v>
      </c>
      <c r="C276" s="34" t="s">
        <v>148</v>
      </c>
      <c r="D276" s="32" t="s">
        <v>158</v>
      </c>
      <c r="E276" s="34" t="s">
        <v>158</v>
      </c>
      <c r="F276" s="34" t="s">
        <v>276</v>
      </c>
      <c r="G276" s="34" t="s">
        <v>322</v>
      </c>
    </row>
    <row r="277" spans="1:7" ht="18.75" x14ac:dyDescent="0.3">
      <c r="A277" s="30">
        <v>253</v>
      </c>
      <c r="B277" s="35" t="s">
        <v>52</v>
      </c>
      <c r="C277" s="34" t="s">
        <v>148</v>
      </c>
      <c r="D277" s="32" t="s">
        <v>158</v>
      </c>
      <c r="E277" s="34" t="s">
        <v>158</v>
      </c>
      <c r="F277" s="34" t="s">
        <v>276</v>
      </c>
      <c r="G277" s="34" t="s">
        <v>322</v>
      </c>
    </row>
    <row r="278" spans="1:7" ht="18.75" x14ac:dyDescent="0.3">
      <c r="A278" s="30">
        <v>254</v>
      </c>
      <c r="B278" s="35" t="s">
        <v>741</v>
      </c>
      <c r="C278" s="34" t="s">
        <v>148</v>
      </c>
      <c r="D278" s="32" t="s">
        <v>158</v>
      </c>
      <c r="E278" s="32" t="s">
        <v>158</v>
      </c>
      <c r="F278" s="34" t="s">
        <v>276</v>
      </c>
      <c r="G278" s="34" t="s">
        <v>322</v>
      </c>
    </row>
    <row r="279" spans="1:7" ht="18.75" x14ac:dyDescent="0.3">
      <c r="A279" s="30">
        <v>255</v>
      </c>
      <c r="B279" s="35" t="s">
        <v>742</v>
      </c>
      <c r="C279" s="34" t="str">
        <f t="shared" ref="C279:G281" si="26">C278</f>
        <v>Garda</v>
      </c>
      <c r="D279" s="32" t="str">
        <f t="shared" si="26"/>
        <v>Bridewell</v>
      </c>
      <c r="E279" s="34" t="str">
        <f t="shared" si="26"/>
        <v>Bridewell</v>
      </c>
      <c r="F279" s="34" t="str">
        <f t="shared" si="26"/>
        <v>DMR North Central</v>
      </c>
      <c r="G279" s="34" t="str">
        <f t="shared" si="26"/>
        <v>(01) 6668200</v>
      </c>
    </row>
    <row r="280" spans="1:7" ht="18.75" x14ac:dyDescent="0.3">
      <c r="A280" s="30">
        <v>256</v>
      </c>
      <c r="B280" s="35" t="s">
        <v>743</v>
      </c>
      <c r="C280" s="34" t="str">
        <f t="shared" si="26"/>
        <v>Garda</v>
      </c>
      <c r="D280" s="32" t="str">
        <f t="shared" si="26"/>
        <v>Bridewell</v>
      </c>
      <c r="E280" s="34" t="str">
        <f t="shared" si="26"/>
        <v>Bridewell</v>
      </c>
      <c r="F280" s="34" t="str">
        <f t="shared" si="26"/>
        <v>DMR North Central</v>
      </c>
      <c r="G280" s="34" t="str">
        <f t="shared" si="26"/>
        <v>(01) 6668200</v>
      </c>
    </row>
    <row r="281" spans="1:7" ht="18.75" x14ac:dyDescent="0.3">
      <c r="A281" s="30">
        <v>257</v>
      </c>
      <c r="B281" s="35" t="s">
        <v>744</v>
      </c>
      <c r="C281" s="34" t="str">
        <f t="shared" si="26"/>
        <v>Garda</v>
      </c>
      <c r="D281" s="32" t="str">
        <f t="shared" si="26"/>
        <v>Bridewell</v>
      </c>
      <c r="E281" s="34" t="str">
        <f t="shared" si="26"/>
        <v>Bridewell</v>
      </c>
      <c r="F281" s="34" t="str">
        <f t="shared" si="26"/>
        <v>DMR North Central</v>
      </c>
      <c r="G281" s="34" t="str">
        <f t="shared" si="26"/>
        <v>(01) 6668200</v>
      </c>
    </row>
    <row r="282" spans="1:7" ht="18.75" x14ac:dyDescent="0.3">
      <c r="A282" s="30">
        <v>258</v>
      </c>
      <c r="B282" s="35" t="s">
        <v>746</v>
      </c>
      <c r="C282" s="34" t="s">
        <v>148</v>
      </c>
      <c r="D282" s="32" t="s">
        <v>158</v>
      </c>
      <c r="E282" s="34" t="s">
        <v>158</v>
      </c>
      <c r="F282" s="34" t="s">
        <v>276</v>
      </c>
      <c r="G282" s="34" t="s">
        <v>322</v>
      </c>
    </row>
    <row r="283" spans="1:7" ht="18.75" x14ac:dyDescent="0.3">
      <c r="A283" s="30">
        <v>259</v>
      </c>
      <c r="B283" s="35" t="s">
        <v>607</v>
      </c>
      <c r="C283" s="31" t="s">
        <v>147</v>
      </c>
      <c r="D283" s="32" t="s">
        <v>192</v>
      </c>
      <c r="E283" s="34" t="s">
        <v>192</v>
      </c>
      <c r="F283" s="34" t="s">
        <v>276</v>
      </c>
      <c r="G283" s="34" t="s">
        <v>323</v>
      </c>
    </row>
    <row r="284" spans="1:7" ht="19.5" thickBot="1" x14ac:dyDescent="0.35">
      <c r="A284" s="149">
        <v>260</v>
      </c>
      <c r="B284" s="39" t="s">
        <v>759</v>
      </c>
      <c r="C284" s="36" t="s">
        <v>147</v>
      </c>
      <c r="D284" s="37" t="s">
        <v>192</v>
      </c>
      <c r="E284" s="38" t="s">
        <v>192</v>
      </c>
      <c r="F284" s="38" t="s">
        <v>276</v>
      </c>
      <c r="G284" s="38" t="s">
        <v>323</v>
      </c>
    </row>
    <row r="285" spans="1:7" ht="24" customHeight="1" thickBot="1" x14ac:dyDescent="0.3">
      <c r="A285" s="221" t="s">
        <v>1016</v>
      </c>
      <c r="B285" s="222"/>
      <c r="C285" s="222"/>
      <c r="D285" s="222"/>
      <c r="E285" s="222"/>
      <c r="F285" s="222"/>
      <c r="G285" s="223"/>
    </row>
    <row r="286" spans="1:7" ht="19.5" thickBot="1" x14ac:dyDescent="0.3">
      <c r="A286" s="7" t="s">
        <v>392</v>
      </c>
      <c r="B286" s="8" t="s">
        <v>0</v>
      </c>
      <c r="C286" s="8" t="s">
        <v>146</v>
      </c>
      <c r="D286" s="8" t="s">
        <v>151</v>
      </c>
      <c r="E286" s="8" t="s">
        <v>264</v>
      </c>
      <c r="F286" s="8" t="s">
        <v>272</v>
      </c>
      <c r="G286" s="8" t="s">
        <v>282</v>
      </c>
    </row>
    <row r="287" spans="1:7" ht="18.75" x14ac:dyDescent="0.3">
      <c r="A287" s="72">
        <v>261</v>
      </c>
      <c r="B287" s="83" t="s">
        <v>964</v>
      </c>
      <c r="C287" s="73" t="s">
        <v>149</v>
      </c>
      <c r="D287" s="74" t="s">
        <v>192</v>
      </c>
      <c r="E287" s="73" t="s">
        <v>192</v>
      </c>
      <c r="F287" s="73" t="s">
        <v>276</v>
      </c>
      <c r="G287" s="73" t="s">
        <v>323</v>
      </c>
    </row>
    <row r="288" spans="1:7" ht="18.75" x14ac:dyDescent="0.3">
      <c r="A288" s="30">
        <v>262</v>
      </c>
      <c r="B288" s="35" t="s">
        <v>963</v>
      </c>
      <c r="C288" s="34" t="s">
        <v>148</v>
      </c>
      <c r="D288" s="32" t="s">
        <v>192</v>
      </c>
      <c r="E288" s="34" t="s">
        <v>192</v>
      </c>
      <c r="F288" s="34" t="s">
        <v>276</v>
      </c>
      <c r="G288" s="34" t="s">
        <v>323</v>
      </c>
    </row>
    <row r="289" spans="1:7" ht="18.75" x14ac:dyDescent="0.3">
      <c r="A289" s="30">
        <v>263</v>
      </c>
      <c r="B289" s="35" t="s">
        <v>749</v>
      </c>
      <c r="C289" s="34" t="s">
        <v>149</v>
      </c>
      <c r="D289" s="32" t="s">
        <v>192</v>
      </c>
      <c r="E289" s="34" t="s">
        <v>192</v>
      </c>
      <c r="F289" s="34" t="s">
        <v>276</v>
      </c>
      <c r="G289" s="34" t="s">
        <v>323</v>
      </c>
    </row>
    <row r="290" spans="1:7" ht="18.75" x14ac:dyDescent="0.3">
      <c r="A290" s="30">
        <v>264</v>
      </c>
      <c r="B290" s="35" t="s">
        <v>747</v>
      </c>
      <c r="C290" s="34" t="s">
        <v>703</v>
      </c>
      <c r="D290" s="32" t="s">
        <v>586</v>
      </c>
      <c r="E290" s="34" t="s">
        <v>192</v>
      </c>
      <c r="F290" s="34" t="s">
        <v>276</v>
      </c>
      <c r="G290" s="34" t="s">
        <v>323</v>
      </c>
    </row>
    <row r="291" spans="1:7" ht="18.75" x14ac:dyDescent="0.3">
      <c r="A291" s="30">
        <v>265</v>
      </c>
      <c r="B291" s="35" t="s">
        <v>748</v>
      </c>
      <c r="C291" s="34" t="str">
        <f>C290</f>
        <v>D/Garda</v>
      </c>
      <c r="D291" s="32" t="str">
        <f>D290</f>
        <v>Fitzgibbon Street</v>
      </c>
      <c r="E291" s="34" t="str">
        <f>E290</f>
        <v>Mountjoy</v>
      </c>
      <c r="F291" s="34" t="str">
        <f>F290</f>
        <v>DMR North Central</v>
      </c>
      <c r="G291" s="34" t="str">
        <f>G290</f>
        <v>(01) 6668600</v>
      </c>
    </row>
    <row r="292" spans="1:7" ht="19.5" thickBot="1" x14ac:dyDescent="0.35">
      <c r="A292" s="149">
        <v>266</v>
      </c>
      <c r="B292" s="39" t="s">
        <v>446</v>
      </c>
      <c r="C292" s="38" t="s">
        <v>148</v>
      </c>
      <c r="D292" s="37" t="s">
        <v>586</v>
      </c>
      <c r="E292" s="38" t="s">
        <v>192</v>
      </c>
      <c r="F292" s="38" t="s">
        <v>276</v>
      </c>
      <c r="G292" s="38" t="s">
        <v>323</v>
      </c>
    </row>
    <row r="293" spans="1:7" ht="24.75" customHeight="1" thickBot="1" x14ac:dyDescent="0.3">
      <c r="A293" s="221" t="s">
        <v>836</v>
      </c>
      <c r="B293" s="222"/>
      <c r="C293" s="222"/>
      <c r="D293" s="222"/>
      <c r="E293" s="222"/>
      <c r="F293" s="222"/>
      <c r="G293" s="223"/>
    </row>
    <row r="294" spans="1:7" ht="19.5" thickBot="1" x14ac:dyDescent="0.3">
      <c r="A294" s="8" t="s">
        <v>392</v>
      </c>
      <c r="B294" s="8" t="s">
        <v>0</v>
      </c>
      <c r="C294" s="8" t="s">
        <v>146</v>
      </c>
      <c r="D294" s="8" t="s">
        <v>151</v>
      </c>
      <c r="E294" s="8" t="s">
        <v>264</v>
      </c>
      <c r="F294" s="8" t="s">
        <v>272</v>
      </c>
      <c r="G294" s="8" t="s">
        <v>282</v>
      </c>
    </row>
    <row r="295" spans="1:7" ht="18.75" x14ac:dyDescent="0.3">
      <c r="A295" s="84">
        <v>267</v>
      </c>
      <c r="B295" s="181" t="s">
        <v>761</v>
      </c>
      <c r="C295" s="135" t="s">
        <v>147</v>
      </c>
      <c r="D295" s="182" t="s">
        <v>201</v>
      </c>
      <c r="E295" s="135" t="s">
        <v>201</v>
      </c>
      <c r="F295" s="135" t="s">
        <v>278</v>
      </c>
      <c r="G295" s="135" t="s">
        <v>331</v>
      </c>
    </row>
    <row r="296" spans="1:7" ht="18.75" x14ac:dyDescent="0.3">
      <c r="A296" s="88">
        <v>268</v>
      </c>
      <c r="B296" s="85" t="s">
        <v>57</v>
      </c>
      <c r="C296" s="86" t="s">
        <v>148</v>
      </c>
      <c r="D296" s="87" t="s">
        <v>201</v>
      </c>
      <c r="E296" s="86" t="s">
        <v>201</v>
      </c>
      <c r="F296" s="86" t="s">
        <v>278</v>
      </c>
      <c r="G296" s="86" t="s">
        <v>331</v>
      </c>
    </row>
    <row r="297" spans="1:7" ht="18.75" x14ac:dyDescent="0.3">
      <c r="A297" s="88">
        <v>269</v>
      </c>
      <c r="B297" s="85" t="s">
        <v>969</v>
      </c>
      <c r="C297" s="86" t="s">
        <v>148</v>
      </c>
      <c r="D297" s="87" t="s">
        <v>201</v>
      </c>
      <c r="E297" s="86" t="s">
        <v>201</v>
      </c>
      <c r="F297" s="86" t="s">
        <v>278</v>
      </c>
      <c r="G297" s="86" t="s">
        <v>331</v>
      </c>
    </row>
    <row r="298" spans="1:7" ht="18.75" x14ac:dyDescent="0.3">
      <c r="A298" s="88">
        <v>270</v>
      </c>
      <c r="B298" s="85" t="s">
        <v>56</v>
      </c>
      <c r="C298" s="86" t="s">
        <v>148</v>
      </c>
      <c r="D298" s="87" t="s">
        <v>201</v>
      </c>
      <c r="E298" s="86" t="s">
        <v>201</v>
      </c>
      <c r="F298" s="86" t="s">
        <v>278</v>
      </c>
      <c r="G298" s="86" t="s">
        <v>331</v>
      </c>
    </row>
    <row r="299" spans="1:7" ht="18.75" x14ac:dyDescent="0.3">
      <c r="A299" s="88">
        <v>271</v>
      </c>
      <c r="B299" s="89" t="s">
        <v>437</v>
      </c>
      <c r="C299" s="87" t="s">
        <v>148</v>
      </c>
      <c r="D299" s="183" t="s">
        <v>201</v>
      </c>
      <c r="E299" s="87" t="s">
        <v>201</v>
      </c>
      <c r="F299" s="87" t="s">
        <v>278</v>
      </c>
      <c r="G299" s="87" t="s">
        <v>329</v>
      </c>
    </row>
    <row r="300" spans="1:7" ht="18.75" x14ac:dyDescent="0.3">
      <c r="A300" s="88">
        <v>272</v>
      </c>
      <c r="B300" s="89" t="s">
        <v>436</v>
      </c>
      <c r="C300" s="87" t="s">
        <v>148</v>
      </c>
      <c r="D300" s="183" t="s">
        <v>201</v>
      </c>
      <c r="E300" s="87" t="s">
        <v>201</v>
      </c>
      <c r="F300" s="87" t="s">
        <v>278</v>
      </c>
      <c r="G300" s="87" t="s">
        <v>331</v>
      </c>
    </row>
    <row r="301" spans="1:7" ht="18.75" x14ac:dyDescent="0.3">
      <c r="A301" s="88">
        <v>273</v>
      </c>
      <c r="B301" s="89" t="s">
        <v>750</v>
      </c>
      <c r="C301" s="87" t="s">
        <v>148</v>
      </c>
      <c r="D301" s="87" t="s">
        <v>201</v>
      </c>
      <c r="E301" s="87" t="s">
        <v>201</v>
      </c>
      <c r="F301" s="87" t="str">
        <f>$F$300</f>
        <v>DMR South Central</v>
      </c>
      <c r="G301" s="87" t="s">
        <v>331</v>
      </c>
    </row>
    <row r="302" spans="1:7" ht="18.75" x14ac:dyDescent="0.3">
      <c r="A302" s="88">
        <v>274</v>
      </c>
      <c r="B302" s="89" t="s">
        <v>51</v>
      </c>
      <c r="C302" s="87" t="s">
        <v>148</v>
      </c>
      <c r="D302" s="87" t="s">
        <v>201</v>
      </c>
      <c r="E302" s="87" t="s">
        <v>201</v>
      </c>
      <c r="F302" s="87" t="str">
        <f>$F$300</f>
        <v>DMR South Central</v>
      </c>
      <c r="G302" s="87" t="s">
        <v>331</v>
      </c>
    </row>
    <row r="303" spans="1:7" ht="18.75" x14ac:dyDescent="0.3">
      <c r="A303" s="88">
        <v>275</v>
      </c>
      <c r="B303" s="85" t="s">
        <v>968</v>
      </c>
      <c r="C303" s="86" t="s">
        <v>148</v>
      </c>
      <c r="D303" s="87" t="s">
        <v>201</v>
      </c>
      <c r="E303" s="87" t="s">
        <v>201</v>
      </c>
      <c r="F303" s="87" t="str">
        <f>$F$300</f>
        <v>DMR South Central</v>
      </c>
      <c r="G303" s="87" t="s">
        <v>331</v>
      </c>
    </row>
    <row r="304" spans="1:7" ht="18.75" x14ac:dyDescent="0.3">
      <c r="A304" s="88">
        <v>276</v>
      </c>
      <c r="B304" s="89" t="s">
        <v>751</v>
      </c>
      <c r="C304" s="86" t="s">
        <v>147</v>
      </c>
      <c r="D304" s="87" t="s">
        <v>198</v>
      </c>
      <c r="E304" s="87" t="s">
        <v>198</v>
      </c>
      <c r="F304" s="87" t="s">
        <v>278</v>
      </c>
      <c r="G304" s="87" t="s">
        <v>328</v>
      </c>
    </row>
    <row r="305" spans="1:7" ht="18.75" x14ac:dyDescent="0.3">
      <c r="A305" s="88">
        <v>277</v>
      </c>
      <c r="B305" s="89" t="s">
        <v>752</v>
      </c>
      <c r="C305" s="87" t="str">
        <f t="shared" ref="C305:G312" si="27">C304</f>
        <v>Sergeant</v>
      </c>
      <c r="D305" s="87" t="str">
        <f t="shared" si="27"/>
        <v>Kevin Street</v>
      </c>
      <c r="E305" s="87" t="str">
        <f t="shared" si="27"/>
        <v>Kevin Street</v>
      </c>
      <c r="F305" s="87" t="str">
        <f t="shared" si="27"/>
        <v>DMR South Central</v>
      </c>
      <c r="G305" s="87" t="str">
        <f t="shared" si="27"/>
        <v>(01) 6669400</v>
      </c>
    </row>
    <row r="306" spans="1:7" ht="18.75" x14ac:dyDescent="0.3">
      <c r="A306" s="88">
        <v>278</v>
      </c>
      <c r="B306" s="89" t="s">
        <v>753</v>
      </c>
      <c r="C306" s="87" t="str">
        <f t="shared" si="27"/>
        <v>Sergeant</v>
      </c>
      <c r="D306" s="87" t="str">
        <f t="shared" si="27"/>
        <v>Kevin Street</v>
      </c>
      <c r="E306" s="87" t="str">
        <f t="shared" si="27"/>
        <v>Kevin Street</v>
      </c>
      <c r="F306" s="87" t="str">
        <f t="shared" si="27"/>
        <v>DMR South Central</v>
      </c>
      <c r="G306" s="87" t="str">
        <f t="shared" si="27"/>
        <v>(01) 6669400</v>
      </c>
    </row>
    <row r="307" spans="1:7" ht="18.75" x14ac:dyDescent="0.3">
      <c r="A307" s="88">
        <v>279</v>
      </c>
      <c r="B307" s="89" t="s">
        <v>970</v>
      </c>
      <c r="C307" s="87" t="s">
        <v>148</v>
      </c>
      <c r="D307" s="87" t="str">
        <f t="shared" ref="D307:G310" si="28">D305</f>
        <v>Kevin Street</v>
      </c>
      <c r="E307" s="87" t="str">
        <f t="shared" si="28"/>
        <v>Kevin Street</v>
      </c>
      <c r="F307" s="87" t="str">
        <f t="shared" si="28"/>
        <v>DMR South Central</v>
      </c>
      <c r="G307" s="87" t="str">
        <f t="shared" si="28"/>
        <v>(01) 6669400</v>
      </c>
    </row>
    <row r="308" spans="1:7" ht="18.75" x14ac:dyDescent="0.3">
      <c r="A308" s="88">
        <v>280</v>
      </c>
      <c r="B308" s="89" t="s">
        <v>754</v>
      </c>
      <c r="C308" s="87" t="s">
        <v>148</v>
      </c>
      <c r="D308" s="87" t="str">
        <f t="shared" si="28"/>
        <v>Kevin Street</v>
      </c>
      <c r="E308" s="87" t="str">
        <f t="shared" si="28"/>
        <v>Kevin Street</v>
      </c>
      <c r="F308" s="87" t="str">
        <f t="shared" si="28"/>
        <v>DMR South Central</v>
      </c>
      <c r="G308" s="87" t="str">
        <f t="shared" si="28"/>
        <v>(01) 6669400</v>
      </c>
    </row>
    <row r="309" spans="1:7" ht="18.75" x14ac:dyDescent="0.3">
      <c r="A309" s="88">
        <v>281</v>
      </c>
      <c r="B309" s="89" t="s">
        <v>971</v>
      </c>
      <c r="C309" s="87" t="s">
        <v>148</v>
      </c>
      <c r="D309" s="87" t="str">
        <f t="shared" si="28"/>
        <v>Kevin Street</v>
      </c>
      <c r="E309" s="87" t="str">
        <f t="shared" si="28"/>
        <v>Kevin Street</v>
      </c>
      <c r="F309" s="87" t="str">
        <f t="shared" si="28"/>
        <v>DMR South Central</v>
      </c>
      <c r="G309" s="87" t="str">
        <f t="shared" si="28"/>
        <v>(01) 6669400</v>
      </c>
    </row>
    <row r="310" spans="1:7" ht="18.75" x14ac:dyDescent="0.3">
      <c r="A310" s="88">
        <v>282</v>
      </c>
      <c r="B310" s="89" t="s">
        <v>755</v>
      </c>
      <c r="C310" s="87" t="s">
        <v>148</v>
      </c>
      <c r="D310" s="87" t="str">
        <f t="shared" si="28"/>
        <v>Kevin Street</v>
      </c>
      <c r="E310" s="87" t="str">
        <f t="shared" si="28"/>
        <v>Kevin Street</v>
      </c>
      <c r="F310" s="87" t="str">
        <f t="shared" si="28"/>
        <v>DMR South Central</v>
      </c>
      <c r="G310" s="87" t="str">
        <f t="shared" si="28"/>
        <v>(01) 6669400</v>
      </c>
    </row>
    <row r="311" spans="1:7" ht="18.75" x14ac:dyDescent="0.3">
      <c r="A311" s="88">
        <v>283</v>
      </c>
      <c r="B311" s="89" t="s">
        <v>756</v>
      </c>
      <c r="C311" s="87" t="s">
        <v>148</v>
      </c>
      <c r="D311" s="87" t="str">
        <f t="shared" si="27"/>
        <v>Kevin Street</v>
      </c>
      <c r="E311" s="87" t="str">
        <f t="shared" si="27"/>
        <v>Kevin Street</v>
      </c>
      <c r="F311" s="87" t="str">
        <f t="shared" si="27"/>
        <v>DMR South Central</v>
      </c>
      <c r="G311" s="87" t="str">
        <f t="shared" si="27"/>
        <v>(01) 6669400</v>
      </c>
    </row>
    <row r="312" spans="1:7" ht="18.75" x14ac:dyDescent="0.3">
      <c r="A312" s="88">
        <v>284</v>
      </c>
      <c r="B312" s="89" t="s">
        <v>757</v>
      </c>
      <c r="C312" s="87" t="s">
        <v>148</v>
      </c>
      <c r="D312" s="87" t="str">
        <f t="shared" si="27"/>
        <v>Kevin Street</v>
      </c>
      <c r="E312" s="87" t="str">
        <f t="shared" si="27"/>
        <v>Kevin Street</v>
      </c>
      <c r="F312" s="87" t="str">
        <f t="shared" si="27"/>
        <v>DMR South Central</v>
      </c>
      <c r="G312" s="87" t="str">
        <f t="shared" si="27"/>
        <v>(01) 6669400</v>
      </c>
    </row>
    <row r="313" spans="1:7" ht="18.75" x14ac:dyDescent="0.3">
      <c r="A313" s="88">
        <v>285</v>
      </c>
      <c r="B313" s="89" t="s">
        <v>434</v>
      </c>
      <c r="C313" s="87" t="s">
        <v>148</v>
      </c>
      <c r="D313" s="183" t="s">
        <v>199</v>
      </c>
      <c r="E313" s="87" t="s">
        <v>198</v>
      </c>
      <c r="F313" s="87" t="s">
        <v>278</v>
      </c>
      <c r="G313" s="87" t="s">
        <v>850</v>
      </c>
    </row>
    <row r="314" spans="1:7" ht="18.75" x14ac:dyDescent="0.3">
      <c r="A314" s="88">
        <v>286</v>
      </c>
      <c r="B314" s="89" t="s">
        <v>438</v>
      </c>
      <c r="C314" s="87" t="s">
        <v>148</v>
      </c>
      <c r="D314" s="183" t="s">
        <v>199</v>
      </c>
      <c r="E314" s="87" t="s">
        <v>198</v>
      </c>
      <c r="F314" s="87" t="s">
        <v>278</v>
      </c>
      <c r="G314" s="87" t="s">
        <v>850</v>
      </c>
    </row>
    <row r="315" spans="1:7" ht="18.75" x14ac:dyDescent="0.3">
      <c r="A315" s="88">
        <v>287</v>
      </c>
      <c r="B315" s="89" t="s">
        <v>758</v>
      </c>
      <c r="C315" s="87" t="s">
        <v>148</v>
      </c>
      <c r="D315" s="183" t="s">
        <v>200</v>
      </c>
      <c r="E315" s="86" t="s">
        <v>200</v>
      </c>
      <c r="F315" s="87" t="s">
        <v>278</v>
      </c>
      <c r="G315" s="87" t="str">
        <f>$G$318</f>
        <v>(01) 6669200</v>
      </c>
    </row>
    <row r="316" spans="1:7" ht="18.75" x14ac:dyDescent="0.3">
      <c r="A316" s="88">
        <v>288</v>
      </c>
      <c r="B316" s="89" t="s">
        <v>962</v>
      </c>
      <c r="C316" s="87" t="s">
        <v>148</v>
      </c>
      <c r="D316" s="183" t="s">
        <v>200</v>
      </c>
      <c r="E316" s="86" t="s">
        <v>200</v>
      </c>
      <c r="F316" s="87" t="s">
        <v>278</v>
      </c>
      <c r="G316" s="87" t="str">
        <f>$G$318</f>
        <v>(01) 6669200</v>
      </c>
    </row>
    <row r="317" spans="1:7" ht="18.75" x14ac:dyDescent="0.3">
      <c r="A317" s="88">
        <v>289</v>
      </c>
      <c r="B317" s="89" t="s">
        <v>760</v>
      </c>
      <c r="C317" s="87" t="s">
        <v>148</v>
      </c>
      <c r="D317" s="183" t="s">
        <v>200</v>
      </c>
      <c r="E317" s="86" t="s">
        <v>200</v>
      </c>
      <c r="F317" s="87" t="s">
        <v>278</v>
      </c>
      <c r="G317" s="87" t="str">
        <f>$G$318</f>
        <v>(01) 6669200</v>
      </c>
    </row>
    <row r="318" spans="1:7" ht="19.5" thickBot="1" x14ac:dyDescent="0.35">
      <c r="A318" s="90">
        <v>290</v>
      </c>
      <c r="B318" s="91" t="s">
        <v>55</v>
      </c>
      <c r="C318" s="92" t="s">
        <v>148</v>
      </c>
      <c r="D318" s="184" t="s">
        <v>200</v>
      </c>
      <c r="E318" s="92" t="s">
        <v>200</v>
      </c>
      <c r="F318" s="92" t="s">
        <v>278</v>
      </c>
      <c r="G318" s="92" t="s">
        <v>330</v>
      </c>
    </row>
    <row r="319" spans="1:7" ht="24.75" customHeight="1" thickBot="1" x14ac:dyDescent="0.3">
      <c r="A319" s="221" t="s">
        <v>604</v>
      </c>
      <c r="B319" s="222"/>
      <c r="C319" s="222"/>
      <c r="D319" s="222"/>
      <c r="E319" s="222"/>
      <c r="F319" s="222"/>
      <c r="G319" s="223"/>
    </row>
    <row r="320" spans="1:7" ht="19.5" thickBot="1" x14ac:dyDescent="0.3">
      <c r="A320" s="8" t="s">
        <v>392</v>
      </c>
      <c r="B320" s="8" t="s">
        <v>0</v>
      </c>
      <c r="C320" s="8" t="s">
        <v>146</v>
      </c>
      <c r="D320" s="7" t="s">
        <v>151</v>
      </c>
      <c r="E320" s="8" t="s">
        <v>264</v>
      </c>
      <c r="F320" s="9" t="s">
        <v>272</v>
      </c>
      <c r="G320" s="8" t="s">
        <v>282</v>
      </c>
    </row>
    <row r="321" spans="1:7" ht="18.75" x14ac:dyDescent="0.3">
      <c r="A321" s="93">
        <v>291</v>
      </c>
      <c r="B321" s="59" t="s">
        <v>66</v>
      </c>
      <c r="C321" s="60" t="s">
        <v>149</v>
      </c>
      <c r="D321" s="194" t="s">
        <v>209</v>
      </c>
      <c r="E321" s="60" t="s">
        <v>637</v>
      </c>
      <c r="F321" s="60" t="s">
        <v>209</v>
      </c>
      <c r="G321" s="60" t="s">
        <v>337</v>
      </c>
    </row>
    <row r="322" spans="1:7" ht="18.75" x14ac:dyDescent="0.3">
      <c r="A322" s="62">
        <v>292</v>
      </c>
      <c r="B322" s="63" t="s">
        <v>333</v>
      </c>
      <c r="C322" s="64" t="s">
        <v>149</v>
      </c>
      <c r="D322" s="195" t="s">
        <v>209</v>
      </c>
      <c r="E322" s="64" t="s">
        <v>637</v>
      </c>
      <c r="F322" s="64" t="s">
        <v>209</v>
      </c>
      <c r="G322" s="64" t="s">
        <v>337</v>
      </c>
    </row>
    <row r="323" spans="1:7" ht="18.75" x14ac:dyDescent="0.3">
      <c r="A323" s="62">
        <v>293</v>
      </c>
      <c r="B323" s="63" t="s">
        <v>69</v>
      </c>
      <c r="C323" s="64" t="s">
        <v>148</v>
      </c>
      <c r="D323" s="195" t="s">
        <v>209</v>
      </c>
      <c r="E323" s="64" t="s">
        <v>637</v>
      </c>
      <c r="F323" s="64" t="s">
        <v>209</v>
      </c>
      <c r="G323" s="64" t="s">
        <v>337</v>
      </c>
    </row>
    <row r="324" spans="1:7" ht="18.75" x14ac:dyDescent="0.3">
      <c r="A324" s="62">
        <v>294</v>
      </c>
      <c r="B324" s="63" t="s">
        <v>71</v>
      </c>
      <c r="C324" s="64" t="s">
        <v>149</v>
      </c>
      <c r="D324" s="195" t="s">
        <v>209</v>
      </c>
      <c r="E324" s="64" t="s">
        <v>637</v>
      </c>
      <c r="F324" s="64" t="s">
        <v>209</v>
      </c>
      <c r="G324" s="64" t="s">
        <v>337</v>
      </c>
    </row>
    <row r="325" spans="1:7" ht="18.75" x14ac:dyDescent="0.3">
      <c r="A325" s="62">
        <v>295</v>
      </c>
      <c r="B325" s="63" t="s">
        <v>72</v>
      </c>
      <c r="C325" s="64" t="s">
        <v>149</v>
      </c>
      <c r="D325" s="195" t="s">
        <v>209</v>
      </c>
      <c r="E325" s="64" t="s">
        <v>637</v>
      </c>
      <c r="F325" s="64" t="s">
        <v>209</v>
      </c>
      <c r="G325" s="64" t="s">
        <v>337</v>
      </c>
    </row>
    <row r="326" spans="1:7" ht="18.75" x14ac:dyDescent="0.3">
      <c r="A326" s="62">
        <v>296</v>
      </c>
      <c r="B326" s="63" t="s">
        <v>74</v>
      </c>
      <c r="C326" s="64" t="s">
        <v>149</v>
      </c>
      <c r="D326" s="195" t="s">
        <v>209</v>
      </c>
      <c r="E326" s="64" t="s">
        <v>637</v>
      </c>
      <c r="F326" s="64" t="s">
        <v>209</v>
      </c>
      <c r="G326" s="64" t="s">
        <v>337</v>
      </c>
    </row>
    <row r="327" spans="1:7" ht="18.75" x14ac:dyDescent="0.3">
      <c r="A327" s="62">
        <v>297</v>
      </c>
      <c r="B327" s="63" t="s">
        <v>651</v>
      </c>
      <c r="C327" s="64" t="s">
        <v>149</v>
      </c>
      <c r="D327" s="195" t="s">
        <v>209</v>
      </c>
      <c r="E327" s="64" t="s">
        <v>637</v>
      </c>
      <c r="F327" s="64" t="s">
        <v>209</v>
      </c>
      <c r="G327" s="64" t="str">
        <f>$G$321</f>
        <v>(091) 538000</v>
      </c>
    </row>
    <row r="328" spans="1:7" ht="18.75" x14ac:dyDescent="0.3">
      <c r="A328" s="62">
        <v>298</v>
      </c>
      <c r="B328" s="63" t="s">
        <v>78</v>
      </c>
      <c r="C328" s="64" t="s">
        <v>149</v>
      </c>
      <c r="D328" s="195" t="s">
        <v>209</v>
      </c>
      <c r="E328" s="64" t="s">
        <v>637</v>
      </c>
      <c r="F328" s="64" t="s">
        <v>209</v>
      </c>
      <c r="G328" s="64" t="str">
        <f>$G$321</f>
        <v>(091) 538000</v>
      </c>
    </row>
    <row r="329" spans="1:7" ht="18.75" x14ac:dyDescent="0.3">
      <c r="A329" s="62">
        <v>299</v>
      </c>
      <c r="B329" s="63" t="s">
        <v>880</v>
      </c>
      <c r="C329" s="64" t="str">
        <f>[2]Sheet1!D10</f>
        <v>Garda</v>
      </c>
      <c r="D329" s="65" t="str">
        <f>[2]Sheet1!E10</f>
        <v>Oranmore</v>
      </c>
      <c r="E329" s="64" t="s">
        <v>638</v>
      </c>
      <c r="F329" s="64" t="s">
        <v>209</v>
      </c>
      <c r="G329" s="64" t="s">
        <v>609</v>
      </c>
    </row>
    <row r="330" spans="1:7" ht="18.75" x14ac:dyDescent="0.3">
      <c r="A330" s="62">
        <v>300</v>
      </c>
      <c r="B330" s="63" t="str">
        <f>[2]Sheet1!C11</f>
        <v>Joseph Hirst</v>
      </c>
      <c r="C330" s="64" t="str">
        <f>[2]Sheet1!D11</f>
        <v>Garda</v>
      </c>
      <c r="D330" s="65" t="str">
        <f>[2]Sheet1!E11</f>
        <v>Oranmore</v>
      </c>
      <c r="E330" s="64" t="s">
        <v>638</v>
      </c>
      <c r="F330" s="64" t="str">
        <f t="shared" ref="F330:G331" si="29">F329</f>
        <v>Galway</v>
      </c>
      <c r="G330" s="64" t="str">
        <f t="shared" si="29"/>
        <v>(091) 388030</v>
      </c>
    </row>
    <row r="331" spans="1:7" ht="18.75" x14ac:dyDescent="0.3">
      <c r="A331" s="62">
        <v>301</v>
      </c>
      <c r="B331" s="63" t="str">
        <f>[2]Sheet1!C12</f>
        <v>Alan Murphy</v>
      </c>
      <c r="C331" s="64" t="str">
        <f>[2]Sheet1!D12</f>
        <v>Garda</v>
      </c>
      <c r="D331" s="65" t="str">
        <f>[2]Sheet1!E12</f>
        <v>Oranmore</v>
      </c>
      <c r="E331" s="64" t="s">
        <v>638</v>
      </c>
      <c r="F331" s="64" t="str">
        <f t="shared" si="29"/>
        <v>Galway</v>
      </c>
      <c r="G331" s="64" t="str">
        <f t="shared" si="29"/>
        <v>(091) 388030</v>
      </c>
    </row>
    <row r="332" spans="1:7" ht="18.75" x14ac:dyDescent="0.3">
      <c r="A332" s="62">
        <v>302</v>
      </c>
      <c r="B332" s="63" t="s">
        <v>63</v>
      </c>
      <c r="C332" s="64" t="s">
        <v>147</v>
      </c>
      <c r="D332" s="66" t="s">
        <v>206</v>
      </c>
      <c r="E332" s="64" t="s">
        <v>636</v>
      </c>
      <c r="F332" s="64" t="s">
        <v>209</v>
      </c>
      <c r="G332" s="64" t="s">
        <v>334</v>
      </c>
    </row>
    <row r="333" spans="1:7" ht="18.75" x14ac:dyDescent="0.3">
      <c r="A333" s="62">
        <v>303</v>
      </c>
      <c r="B333" s="63" t="s">
        <v>62</v>
      </c>
      <c r="C333" s="64" t="s">
        <v>149</v>
      </c>
      <c r="D333" s="66" t="s">
        <v>206</v>
      </c>
      <c r="E333" s="64" t="s">
        <v>636</v>
      </c>
      <c r="F333" s="64" t="s">
        <v>209</v>
      </c>
      <c r="G333" s="64" t="s">
        <v>334</v>
      </c>
    </row>
    <row r="334" spans="1:7" ht="18.75" x14ac:dyDescent="0.3">
      <c r="A334" s="62">
        <v>304</v>
      </c>
      <c r="B334" s="63" t="s">
        <v>68</v>
      </c>
      <c r="C334" s="64" t="s">
        <v>149</v>
      </c>
      <c r="D334" s="65" t="s">
        <v>206</v>
      </c>
      <c r="E334" s="64" t="s">
        <v>636</v>
      </c>
      <c r="F334" s="64" t="s">
        <v>209</v>
      </c>
      <c r="G334" s="64" t="s">
        <v>334</v>
      </c>
    </row>
    <row r="335" spans="1:7" ht="18.75" x14ac:dyDescent="0.3">
      <c r="A335" s="62">
        <v>305</v>
      </c>
      <c r="B335" s="63" t="s">
        <v>65</v>
      </c>
      <c r="C335" s="64" t="s">
        <v>147</v>
      </c>
      <c r="D335" s="195" t="s">
        <v>208</v>
      </c>
      <c r="E335" s="64" t="s">
        <v>636</v>
      </c>
      <c r="F335" s="64" t="s">
        <v>209</v>
      </c>
      <c r="G335" s="64" t="s">
        <v>336</v>
      </c>
    </row>
    <row r="336" spans="1:7" ht="18.75" x14ac:dyDescent="0.3">
      <c r="A336" s="62">
        <v>306</v>
      </c>
      <c r="B336" s="63" t="s">
        <v>77</v>
      </c>
      <c r="C336" s="64" t="s">
        <v>148</v>
      </c>
      <c r="D336" s="195" t="s">
        <v>208</v>
      </c>
      <c r="E336" s="64" t="str">
        <f>$E$339</f>
        <v xml:space="preserve">Galway County East </v>
      </c>
      <c r="F336" s="64" t="str">
        <f>$F$339</f>
        <v>Galway</v>
      </c>
      <c r="G336" s="64" t="s">
        <v>336</v>
      </c>
    </row>
    <row r="337" spans="1:7" ht="18.75" x14ac:dyDescent="0.3">
      <c r="A337" s="62">
        <v>307</v>
      </c>
      <c r="B337" s="63" t="s">
        <v>70</v>
      </c>
      <c r="C337" s="64" t="s">
        <v>148</v>
      </c>
      <c r="D337" s="65" t="s">
        <v>208</v>
      </c>
      <c r="E337" s="64" t="s">
        <v>636</v>
      </c>
      <c r="F337" s="64" t="s">
        <v>209</v>
      </c>
      <c r="G337" s="64" t="s">
        <v>336</v>
      </c>
    </row>
    <row r="338" spans="1:7" ht="18.75" x14ac:dyDescent="0.3">
      <c r="A338" s="62">
        <v>308</v>
      </c>
      <c r="B338" s="63" t="s">
        <v>393</v>
      </c>
      <c r="C338" s="64" t="s">
        <v>148</v>
      </c>
      <c r="D338" s="65" t="s">
        <v>205</v>
      </c>
      <c r="E338" s="64" t="s">
        <v>636</v>
      </c>
      <c r="F338" s="64" t="s">
        <v>209</v>
      </c>
      <c r="G338" s="64" t="s">
        <v>994</v>
      </c>
    </row>
    <row r="339" spans="1:7" ht="18.75" x14ac:dyDescent="0.3">
      <c r="A339" s="62">
        <v>309</v>
      </c>
      <c r="B339" s="63" t="s">
        <v>67</v>
      </c>
      <c r="C339" s="64" t="s">
        <v>148</v>
      </c>
      <c r="D339" s="65" t="s">
        <v>210</v>
      </c>
      <c r="E339" s="64" t="s">
        <v>636</v>
      </c>
      <c r="F339" s="64" t="s">
        <v>209</v>
      </c>
      <c r="G339" s="64" t="s">
        <v>338</v>
      </c>
    </row>
    <row r="340" spans="1:7" ht="18.75" x14ac:dyDescent="0.3">
      <c r="A340" s="62">
        <v>310</v>
      </c>
      <c r="B340" s="63" t="s">
        <v>77</v>
      </c>
      <c r="C340" s="64" t="s">
        <v>148</v>
      </c>
      <c r="D340" s="65" t="s">
        <v>210</v>
      </c>
      <c r="E340" s="64" t="str">
        <f>$E$339</f>
        <v xml:space="preserve">Galway County East </v>
      </c>
      <c r="F340" s="64" t="str">
        <f>$F$339</f>
        <v>Galway</v>
      </c>
      <c r="G340" s="64" t="str">
        <f>$G$339</f>
        <v>(091) 842870</v>
      </c>
    </row>
    <row r="341" spans="1:7" ht="18.75" x14ac:dyDescent="0.3">
      <c r="A341" s="62">
        <v>311</v>
      </c>
      <c r="B341" s="63" t="s">
        <v>64</v>
      </c>
      <c r="C341" s="64" t="s">
        <v>148</v>
      </c>
      <c r="D341" s="195" t="s">
        <v>207</v>
      </c>
      <c r="E341" s="64" t="s">
        <v>636</v>
      </c>
      <c r="F341" s="64" t="s">
        <v>209</v>
      </c>
      <c r="G341" s="64" t="s">
        <v>335</v>
      </c>
    </row>
    <row r="342" spans="1:7" ht="18.75" x14ac:dyDescent="0.3">
      <c r="A342" s="62">
        <v>312</v>
      </c>
      <c r="B342" s="63" t="s">
        <v>73</v>
      </c>
      <c r="C342" s="64" t="s">
        <v>148</v>
      </c>
      <c r="D342" s="65" t="s">
        <v>207</v>
      </c>
      <c r="E342" s="64" t="s">
        <v>636</v>
      </c>
      <c r="F342" s="64" t="s">
        <v>209</v>
      </c>
      <c r="G342" s="64" t="s">
        <v>335</v>
      </c>
    </row>
    <row r="343" spans="1:7" ht="18.75" x14ac:dyDescent="0.3">
      <c r="A343" s="62">
        <v>313</v>
      </c>
      <c r="B343" s="63" t="s">
        <v>845</v>
      </c>
      <c r="C343" s="64" t="s">
        <v>148</v>
      </c>
      <c r="D343" s="65" t="s">
        <v>919</v>
      </c>
      <c r="E343" s="64" t="s">
        <v>636</v>
      </c>
      <c r="F343" s="64" t="s">
        <v>209</v>
      </c>
      <c r="G343" s="64" t="s">
        <v>920</v>
      </c>
    </row>
    <row r="344" spans="1:7" ht="18.75" x14ac:dyDescent="0.3">
      <c r="A344" s="62">
        <v>314</v>
      </c>
      <c r="B344" s="217" t="s">
        <v>591</v>
      </c>
      <c r="C344" s="64" t="s">
        <v>149</v>
      </c>
      <c r="D344" s="65" t="s">
        <v>211</v>
      </c>
      <c r="E344" s="64" t="s">
        <v>638</v>
      </c>
      <c r="F344" s="64" t="s">
        <v>209</v>
      </c>
      <c r="G344" s="64" t="s">
        <v>339</v>
      </c>
    </row>
    <row r="345" spans="1:7" ht="18.75" x14ac:dyDescent="0.3">
      <c r="A345" s="62">
        <v>315</v>
      </c>
      <c r="B345" s="63" t="s">
        <v>76</v>
      </c>
      <c r="C345" s="64" t="s">
        <v>149</v>
      </c>
      <c r="D345" s="65" t="s">
        <v>610</v>
      </c>
      <c r="E345" s="64" t="s">
        <v>638</v>
      </c>
      <c r="F345" s="64" t="s">
        <v>209</v>
      </c>
      <c r="G345" s="64" t="s">
        <v>830</v>
      </c>
    </row>
    <row r="346" spans="1:7" ht="18.75" x14ac:dyDescent="0.3">
      <c r="A346" s="62">
        <v>316</v>
      </c>
      <c r="B346" s="63" t="s">
        <v>403</v>
      </c>
      <c r="C346" s="64" t="s">
        <v>148</v>
      </c>
      <c r="D346" s="195" t="s">
        <v>608</v>
      </c>
      <c r="E346" s="64" t="str">
        <f>$D$346</f>
        <v>North Western Region HQ</v>
      </c>
      <c r="F346" s="64" t="s">
        <v>209</v>
      </c>
      <c r="G346" s="64" t="s">
        <v>611</v>
      </c>
    </row>
    <row r="347" spans="1:7" ht="19.5" thickBot="1" x14ac:dyDescent="0.35">
      <c r="A347" s="67">
        <v>317</v>
      </c>
      <c r="B347" s="218" t="s">
        <v>75</v>
      </c>
      <c r="C347" s="68" t="s">
        <v>148</v>
      </c>
      <c r="D347" s="196" t="s">
        <v>608</v>
      </c>
      <c r="E347" s="68" t="s">
        <v>608</v>
      </c>
      <c r="F347" s="68" t="s">
        <v>209</v>
      </c>
      <c r="G347" s="68" t="s">
        <v>611</v>
      </c>
    </row>
    <row r="348" spans="1:7" ht="24.75" customHeight="1" thickBot="1" x14ac:dyDescent="0.3">
      <c r="A348" s="221" t="s">
        <v>605</v>
      </c>
      <c r="B348" s="222"/>
      <c r="C348" s="222"/>
      <c r="D348" s="222"/>
      <c r="E348" s="222"/>
      <c r="F348" s="222"/>
      <c r="G348" s="223"/>
    </row>
    <row r="349" spans="1:7" ht="19.5" thickBot="1" x14ac:dyDescent="0.3">
      <c r="A349" s="7" t="s">
        <v>392</v>
      </c>
      <c r="B349" s="8" t="s">
        <v>0</v>
      </c>
      <c r="C349" s="8" t="s">
        <v>146</v>
      </c>
      <c r="D349" s="8" t="s">
        <v>151</v>
      </c>
      <c r="E349" s="8" t="s">
        <v>264</v>
      </c>
      <c r="F349" s="8" t="s">
        <v>272</v>
      </c>
      <c r="G349" s="8" t="s">
        <v>282</v>
      </c>
    </row>
    <row r="350" spans="1:7" ht="18.75" x14ac:dyDescent="0.3">
      <c r="A350" s="94">
        <v>318</v>
      </c>
      <c r="B350" s="95" t="s">
        <v>79</v>
      </c>
      <c r="C350" s="96" t="s">
        <v>147</v>
      </c>
      <c r="D350" s="197" t="s">
        <v>212</v>
      </c>
      <c r="E350" s="96" t="s">
        <v>212</v>
      </c>
      <c r="F350" s="96" t="s">
        <v>280</v>
      </c>
      <c r="G350" s="96" t="s">
        <v>340</v>
      </c>
    </row>
    <row r="351" spans="1:7" ht="18.75" x14ac:dyDescent="0.3">
      <c r="A351" s="159">
        <v>319</v>
      </c>
      <c r="B351" s="160" t="s">
        <v>614</v>
      </c>
      <c r="C351" s="158" t="s">
        <v>147</v>
      </c>
      <c r="D351" s="125" t="s">
        <v>212</v>
      </c>
      <c r="E351" s="158" t="s">
        <v>212</v>
      </c>
      <c r="F351" s="158" t="s">
        <v>280</v>
      </c>
      <c r="G351" s="158" t="s">
        <v>340</v>
      </c>
    </row>
    <row r="352" spans="1:7" ht="18.75" x14ac:dyDescent="0.3">
      <c r="A352" s="159">
        <v>320</v>
      </c>
      <c r="B352" s="160" t="s">
        <v>990</v>
      </c>
      <c r="C352" s="158" t="s">
        <v>147</v>
      </c>
      <c r="D352" s="125" t="s">
        <v>212</v>
      </c>
      <c r="E352" s="158" t="s">
        <v>212</v>
      </c>
      <c r="F352" s="158" t="s">
        <v>280</v>
      </c>
      <c r="G352" s="158" t="s">
        <v>340</v>
      </c>
    </row>
    <row r="353" spans="1:7" ht="18.75" x14ac:dyDescent="0.3">
      <c r="A353" s="159">
        <v>321</v>
      </c>
      <c r="B353" s="160" t="s">
        <v>13</v>
      </c>
      <c r="C353" s="158" t="s">
        <v>148</v>
      </c>
      <c r="D353" s="125" t="s">
        <v>212</v>
      </c>
      <c r="E353" s="158" t="s">
        <v>212</v>
      </c>
      <c r="F353" s="158" t="s">
        <v>280</v>
      </c>
      <c r="G353" s="158" t="str">
        <f>$G$350</f>
        <v>(066) 7102300</v>
      </c>
    </row>
    <row r="354" spans="1:7" ht="18.75" x14ac:dyDescent="0.3">
      <c r="A354" s="159">
        <v>322</v>
      </c>
      <c r="B354" s="160" t="s">
        <v>612</v>
      </c>
      <c r="C354" s="158" t="s">
        <v>148</v>
      </c>
      <c r="D354" s="125" t="s">
        <v>212</v>
      </c>
      <c r="E354" s="158" t="s">
        <v>212</v>
      </c>
      <c r="F354" s="158" t="s">
        <v>280</v>
      </c>
      <c r="G354" s="158" t="str">
        <f>$G$350</f>
        <v>(066) 7102300</v>
      </c>
    </row>
    <row r="355" spans="1:7" ht="18.75" x14ac:dyDescent="0.3">
      <c r="A355" s="159">
        <v>323</v>
      </c>
      <c r="B355" s="160" t="s">
        <v>613</v>
      </c>
      <c r="C355" s="158" t="s">
        <v>148</v>
      </c>
      <c r="D355" s="125" t="s">
        <v>212</v>
      </c>
      <c r="E355" s="158" t="s">
        <v>212</v>
      </c>
      <c r="F355" s="158" t="s">
        <v>280</v>
      </c>
      <c r="G355" s="158" t="s">
        <v>340</v>
      </c>
    </row>
    <row r="356" spans="1:7" ht="18.75" x14ac:dyDescent="0.3">
      <c r="A356" s="159">
        <v>324</v>
      </c>
      <c r="B356" s="160" t="s">
        <v>987</v>
      </c>
      <c r="C356" s="158" t="s">
        <v>148</v>
      </c>
      <c r="D356" s="125" t="s">
        <v>212</v>
      </c>
      <c r="E356" s="158" t="s">
        <v>212</v>
      </c>
      <c r="F356" s="158" t="s">
        <v>280</v>
      </c>
      <c r="G356" s="158" t="s">
        <v>340</v>
      </c>
    </row>
    <row r="357" spans="1:7" ht="18.75" x14ac:dyDescent="0.3">
      <c r="A357" s="159">
        <v>325</v>
      </c>
      <c r="B357" s="160" t="s">
        <v>988</v>
      </c>
      <c r="C357" s="158" t="s">
        <v>703</v>
      </c>
      <c r="D357" s="125" t="s">
        <v>212</v>
      </c>
      <c r="E357" s="158" t="s">
        <v>212</v>
      </c>
      <c r="F357" s="158" t="s">
        <v>280</v>
      </c>
      <c r="G357" s="158" t="s">
        <v>340</v>
      </c>
    </row>
    <row r="358" spans="1:7" ht="18.75" x14ac:dyDescent="0.3">
      <c r="A358" s="159">
        <v>326</v>
      </c>
      <c r="B358" s="160" t="s">
        <v>872</v>
      </c>
      <c r="C358" s="158" t="s">
        <v>148</v>
      </c>
      <c r="D358" s="125" t="s">
        <v>212</v>
      </c>
      <c r="E358" s="158" t="s">
        <v>212</v>
      </c>
      <c r="F358" s="158" t="s">
        <v>280</v>
      </c>
      <c r="G358" s="158" t="s">
        <v>340</v>
      </c>
    </row>
    <row r="359" spans="1:7" ht="18.75" x14ac:dyDescent="0.3">
      <c r="A359" s="159">
        <v>327</v>
      </c>
      <c r="B359" s="160" t="s">
        <v>652</v>
      </c>
      <c r="C359" s="158" t="s">
        <v>148</v>
      </c>
      <c r="D359" s="125" t="s">
        <v>615</v>
      </c>
      <c r="E359" s="158" t="s">
        <v>212</v>
      </c>
      <c r="F359" s="158" t="s">
        <v>280</v>
      </c>
      <c r="G359" s="158" t="s">
        <v>341</v>
      </c>
    </row>
    <row r="360" spans="1:7" ht="18.75" x14ac:dyDescent="0.3">
      <c r="A360" s="159">
        <v>328</v>
      </c>
      <c r="B360" s="160" t="s">
        <v>991</v>
      </c>
      <c r="C360" s="158" t="s">
        <v>148</v>
      </c>
      <c r="D360" s="125" t="s">
        <v>615</v>
      </c>
      <c r="E360" s="158" t="s">
        <v>212</v>
      </c>
      <c r="F360" s="158" t="s">
        <v>280</v>
      </c>
      <c r="G360" s="158" t="s">
        <v>341</v>
      </c>
    </row>
    <row r="361" spans="1:7" ht="18.75" x14ac:dyDescent="0.3">
      <c r="A361" s="159">
        <v>329</v>
      </c>
      <c r="B361" s="160" t="s">
        <v>81</v>
      </c>
      <c r="C361" s="158" t="s">
        <v>147</v>
      </c>
      <c r="D361" s="125" t="s">
        <v>214</v>
      </c>
      <c r="E361" s="158" t="s">
        <v>214</v>
      </c>
      <c r="F361" s="158" t="s">
        <v>280</v>
      </c>
      <c r="G361" s="158" t="s">
        <v>344</v>
      </c>
    </row>
    <row r="362" spans="1:7" ht="18.75" x14ac:dyDescent="0.3">
      <c r="A362" s="159">
        <v>330</v>
      </c>
      <c r="B362" s="160" t="s">
        <v>873</v>
      </c>
      <c r="C362" s="158" t="s">
        <v>148</v>
      </c>
      <c r="D362" s="125" t="s">
        <v>214</v>
      </c>
      <c r="E362" s="158" t="s">
        <v>214</v>
      </c>
      <c r="F362" s="158" t="s">
        <v>280</v>
      </c>
      <c r="G362" s="158" t="s">
        <v>344</v>
      </c>
    </row>
    <row r="363" spans="1:7" ht="18.75" x14ac:dyDescent="0.3">
      <c r="A363" s="159">
        <v>331</v>
      </c>
      <c r="B363" s="160" t="s">
        <v>989</v>
      </c>
      <c r="C363" s="158" t="s">
        <v>148</v>
      </c>
      <c r="D363" s="125" t="s">
        <v>214</v>
      </c>
      <c r="E363" s="158" t="s">
        <v>214</v>
      </c>
      <c r="F363" s="158" t="s">
        <v>280</v>
      </c>
      <c r="G363" s="158" t="s">
        <v>344</v>
      </c>
    </row>
    <row r="364" spans="1:7" ht="18.75" x14ac:dyDescent="0.3">
      <c r="A364" s="159">
        <v>332</v>
      </c>
      <c r="B364" s="160" t="s">
        <v>82</v>
      </c>
      <c r="C364" s="158" t="s">
        <v>149</v>
      </c>
      <c r="D364" s="125" t="s">
        <v>214</v>
      </c>
      <c r="E364" s="158" t="s">
        <v>214</v>
      </c>
      <c r="F364" s="158" t="s">
        <v>280</v>
      </c>
      <c r="G364" s="158" t="s">
        <v>344</v>
      </c>
    </row>
    <row r="365" spans="1:7" ht="18.75" x14ac:dyDescent="0.3">
      <c r="A365" s="159">
        <v>333</v>
      </c>
      <c r="B365" s="160" t="s">
        <v>391</v>
      </c>
      <c r="C365" s="158" t="s">
        <v>148</v>
      </c>
      <c r="D365" s="125" t="s">
        <v>215</v>
      </c>
      <c r="E365" s="158" t="s">
        <v>214</v>
      </c>
      <c r="F365" s="158" t="s">
        <v>280</v>
      </c>
      <c r="G365" s="158" t="s">
        <v>343</v>
      </c>
    </row>
    <row r="366" spans="1:7" ht="18.75" x14ac:dyDescent="0.3">
      <c r="A366" s="159">
        <v>334</v>
      </c>
      <c r="B366" s="160" t="s">
        <v>388</v>
      </c>
      <c r="C366" s="158" t="s">
        <v>148</v>
      </c>
      <c r="D366" s="125" t="s">
        <v>215</v>
      </c>
      <c r="E366" s="158" t="s">
        <v>214</v>
      </c>
      <c r="F366" s="158" t="s">
        <v>280</v>
      </c>
      <c r="G366" s="158" t="s">
        <v>343</v>
      </c>
    </row>
    <row r="367" spans="1:7" ht="18.75" x14ac:dyDescent="0.3">
      <c r="A367" s="159">
        <v>335</v>
      </c>
      <c r="B367" s="160" t="s">
        <v>616</v>
      </c>
      <c r="C367" s="158" t="s">
        <v>148</v>
      </c>
      <c r="D367" s="125" t="s">
        <v>617</v>
      </c>
      <c r="E367" s="158" t="s">
        <v>214</v>
      </c>
      <c r="F367" s="158" t="s">
        <v>280</v>
      </c>
      <c r="G367" s="158" t="s">
        <v>618</v>
      </c>
    </row>
    <row r="368" spans="1:7" ht="18.75" x14ac:dyDescent="0.3">
      <c r="A368" s="159">
        <v>336</v>
      </c>
      <c r="B368" s="160" t="s">
        <v>80</v>
      </c>
      <c r="C368" s="158" t="s">
        <v>148</v>
      </c>
      <c r="D368" s="125" t="s">
        <v>213</v>
      </c>
      <c r="E368" s="158" t="s">
        <v>214</v>
      </c>
      <c r="F368" s="158" t="s">
        <v>280</v>
      </c>
      <c r="G368" s="158" t="s">
        <v>342</v>
      </c>
    </row>
    <row r="369" spans="1:7" ht="18.75" x14ac:dyDescent="0.3">
      <c r="A369" s="159">
        <v>337</v>
      </c>
      <c r="B369" s="160" t="s">
        <v>622</v>
      </c>
      <c r="C369" s="158" t="s">
        <v>147</v>
      </c>
      <c r="D369" s="125" t="s">
        <v>620</v>
      </c>
      <c r="E369" s="158" t="s">
        <v>620</v>
      </c>
      <c r="F369" s="158" t="s">
        <v>623</v>
      </c>
      <c r="G369" s="158" t="s">
        <v>621</v>
      </c>
    </row>
    <row r="370" spans="1:7" ht="19.5" thickBot="1" x14ac:dyDescent="0.35">
      <c r="A370" s="97">
        <v>338</v>
      </c>
      <c r="B370" s="98" t="s">
        <v>619</v>
      </c>
      <c r="C370" s="99" t="s">
        <v>148</v>
      </c>
      <c r="D370" s="198" t="s">
        <v>620</v>
      </c>
      <c r="E370" s="99" t="s">
        <v>620</v>
      </c>
      <c r="F370" s="99" t="s">
        <v>280</v>
      </c>
      <c r="G370" s="99" t="s">
        <v>621</v>
      </c>
    </row>
    <row r="371" spans="1:7" ht="24.75" customHeight="1" thickBot="1" x14ac:dyDescent="0.3">
      <c r="A371" s="221" t="s">
        <v>913</v>
      </c>
      <c r="B371" s="222"/>
      <c r="C371" s="222"/>
      <c r="D371" s="222"/>
      <c r="E371" s="222"/>
      <c r="F371" s="222"/>
      <c r="G371" s="223"/>
    </row>
    <row r="372" spans="1:7" ht="19.5" thickBot="1" x14ac:dyDescent="0.3">
      <c r="A372" s="8" t="s">
        <v>392</v>
      </c>
      <c r="B372" s="9" t="s">
        <v>0</v>
      </c>
      <c r="C372" s="8" t="s">
        <v>146</v>
      </c>
      <c r="D372" s="8" t="s">
        <v>151</v>
      </c>
      <c r="E372" s="8" t="s">
        <v>264</v>
      </c>
      <c r="F372" s="8" t="s">
        <v>272</v>
      </c>
      <c r="G372" s="8" t="s">
        <v>282</v>
      </c>
    </row>
    <row r="373" spans="1:7" ht="18.75" x14ac:dyDescent="0.3">
      <c r="A373" s="52">
        <v>339</v>
      </c>
      <c r="B373" s="50" t="s">
        <v>395</v>
      </c>
      <c r="C373" s="48" t="s">
        <v>765</v>
      </c>
      <c r="D373" s="49" t="s">
        <v>217</v>
      </c>
      <c r="E373" s="49" t="s">
        <v>923</v>
      </c>
      <c r="F373" s="48" t="s">
        <v>914</v>
      </c>
      <c r="G373" s="48" t="str">
        <f>$G$376</f>
        <v>(045) 884300</v>
      </c>
    </row>
    <row r="374" spans="1:7" ht="18.75" x14ac:dyDescent="0.3">
      <c r="A374" s="52">
        <v>340</v>
      </c>
      <c r="B374" s="51" t="s">
        <v>550</v>
      </c>
      <c r="C374" s="53" t="s">
        <v>147</v>
      </c>
      <c r="D374" s="54" t="s">
        <v>217</v>
      </c>
      <c r="E374" s="53" t="s">
        <v>923</v>
      </c>
      <c r="F374" s="53" t="str">
        <f t="shared" ref="F374:F390" si="30">$F$373</f>
        <v>Kildare / Carlow</v>
      </c>
      <c r="G374" s="53" t="str">
        <f>$G$376</f>
        <v>(045) 884300</v>
      </c>
    </row>
    <row r="375" spans="1:7" ht="18.75" x14ac:dyDescent="0.3">
      <c r="A375" s="52">
        <v>341</v>
      </c>
      <c r="B375" s="51" t="s">
        <v>445</v>
      </c>
      <c r="C375" s="53" t="s">
        <v>148</v>
      </c>
      <c r="D375" s="54" t="s">
        <v>217</v>
      </c>
      <c r="E375" s="53" t="s">
        <v>923</v>
      </c>
      <c r="F375" s="53" t="str">
        <f t="shared" si="30"/>
        <v>Kildare / Carlow</v>
      </c>
      <c r="G375" s="53" t="str">
        <f>$G$376</f>
        <v>(045) 884300</v>
      </c>
    </row>
    <row r="376" spans="1:7" ht="18.75" x14ac:dyDescent="0.3">
      <c r="A376" s="52">
        <v>342</v>
      </c>
      <c r="B376" s="51" t="s">
        <v>396</v>
      </c>
      <c r="C376" s="53" t="s">
        <v>148</v>
      </c>
      <c r="D376" s="54" t="s">
        <v>217</v>
      </c>
      <c r="E376" s="53" t="s">
        <v>923</v>
      </c>
      <c r="F376" s="53" t="str">
        <f t="shared" si="30"/>
        <v>Kildare / Carlow</v>
      </c>
      <c r="G376" s="53" t="s">
        <v>346</v>
      </c>
    </row>
    <row r="377" spans="1:7" ht="18.75" x14ac:dyDescent="0.3">
      <c r="A377" s="52">
        <v>343</v>
      </c>
      <c r="B377" s="51" t="s">
        <v>557</v>
      </c>
      <c r="C377" s="53" t="s">
        <v>148</v>
      </c>
      <c r="D377" s="54" t="s">
        <v>217</v>
      </c>
      <c r="E377" s="53" t="s">
        <v>923</v>
      </c>
      <c r="F377" s="53" t="str">
        <f t="shared" si="30"/>
        <v>Kildare / Carlow</v>
      </c>
      <c r="G377" s="53" t="s">
        <v>346</v>
      </c>
    </row>
    <row r="378" spans="1:7" ht="18.75" x14ac:dyDescent="0.3">
      <c r="A378" s="52">
        <v>344</v>
      </c>
      <c r="B378" s="51" t="s">
        <v>397</v>
      </c>
      <c r="C378" s="53" t="s">
        <v>148</v>
      </c>
      <c r="D378" s="54" t="s">
        <v>217</v>
      </c>
      <c r="E378" s="54" t="s">
        <v>923</v>
      </c>
      <c r="F378" s="53" t="str">
        <f t="shared" si="30"/>
        <v>Kildare / Carlow</v>
      </c>
      <c r="G378" s="53" t="s">
        <v>346</v>
      </c>
    </row>
    <row r="379" spans="1:7" ht="18.75" x14ac:dyDescent="0.3">
      <c r="A379" s="52">
        <v>345</v>
      </c>
      <c r="B379" s="51" t="s">
        <v>762</v>
      </c>
      <c r="C379" s="53" t="s">
        <v>148</v>
      </c>
      <c r="D379" s="54" t="s">
        <v>921</v>
      </c>
      <c r="E379" s="53" t="s">
        <v>924</v>
      </c>
      <c r="F379" s="53" t="str">
        <f t="shared" si="30"/>
        <v>Kildare / Carlow</v>
      </c>
      <c r="G379" s="53" t="s">
        <v>922</v>
      </c>
    </row>
    <row r="380" spans="1:7" ht="18.75" x14ac:dyDescent="0.3">
      <c r="A380" s="52">
        <v>346</v>
      </c>
      <c r="B380" s="51" t="s">
        <v>558</v>
      </c>
      <c r="C380" s="53" t="s">
        <v>148</v>
      </c>
      <c r="D380" s="54" t="s">
        <v>921</v>
      </c>
      <c r="E380" s="53" t="s">
        <v>924</v>
      </c>
      <c r="F380" s="53" t="str">
        <f t="shared" si="30"/>
        <v>Kildare / Carlow</v>
      </c>
      <c r="G380" s="53" t="s">
        <v>922</v>
      </c>
    </row>
    <row r="381" spans="1:7" ht="18.75" x14ac:dyDescent="0.3">
      <c r="A381" s="52">
        <v>347</v>
      </c>
      <c r="B381" s="51" t="s">
        <v>462</v>
      </c>
      <c r="C381" s="53" t="s">
        <v>147</v>
      </c>
      <c r="D381" s="54" t="s">
        <v>216</v>
      </c>
      <c r="E381" s="53" t="s">
        <v>923</v>
      </c>
      <c r="F381" s="53" t="str">
        <f t="shared" si="30"/>
        <v>Kildare / Carlow</v>
      </c>
      <c r="G381" s="53" t="s">
        <v>345</v>
      </c>
    </row>
    <row r="382" spans="1:7" ht="18.75" x14ac:dyDescent="0.3">
      <c r="A382" s="52">
        <v>348</v>
      </c>
      <c r="B382" s="51" t="s">
        <v>463</v>
      </c>
      <c r="C382" s="53" t="s">
        <v>148</v>
      </c>
      <c r="D382" s="54" t="s">
        <v>216</v>
      </c>
      <c r="E382" s="53" t="s">
        <v>923</v>
      </c>
      <c r="F382" s="53" t="str">
        <f t="shared" si="30"/>
        <v>Kildare / Carlow</v>
      </c>
      <c r="G382" s="53" t="s">
        <v>345</v>
      </c>
    </row>
    <row r="383" spans="1:7" ht="18.75" x14ac:dyDescent="0.3">
      <c r="A383" s="52">
        <v>349</v>
      </c>
      <c r="B383" s="51" t="s">
        <v>411</v>
      </c>
      <c r="C383" s="53" t="s">
        <v>147</v>
      </c>
      <c r="D383" s="54" t="s">
        <v>410</v>
      </c>
      <c r="E383" s="53" t="s">
        <v>923</v>
      </c>
      <c r="F383" s="53" t="str">
        <f t="shared" si="30"/>
        <v>Kildare / Carlow</v>
      </c>
      <c r="G383" s="53" t="s">
        <v>489</v>
      </c>
    </row>
    <row r="384" spans="1:7" ht="18.75" x14ac:dyDescent="0.3">
      <c r="A384" s="52">
        <v>350</v>
      </c>
      <c r="B384" s="51" t="s">
        <v>397</v>
      </c>
      <c r="C384" s="53" t="s">
        <v>148</v>
      </c>
      <c r="D384" s="54" t="s">
        <v>219</v>
      </c>
      <c r="E384" s="53" t="s">
        <v>923</v>
      </c>
      <c r="F384" s="53" t="str">
        <f t="shared" si="30"/>
        <v>Kildare / Carlow</v>
      </c>
      <c r="G384" s="53" t="s">
        <v>348</v>
      </c>
    </row>
    <row r="385" spans="1:7" ht="18.75" x14ac:dyDescent="0.3">
      <c r="A385" s="52">
        <v>351</v>
      </c>
      <c r="B385" s="51" t="s">
        <v>549</v>
      </c>
      <c r="C385" s="53" t="s">
        <v>148</v>
      </c>
      <c r="D385" s="54" t="s">
        <v>219</v>
      </c>
      <c r="E385" s="53" t="s">
        <v>923</v>
      </c>
      <c r="F385" s="53" t="str">
        <f t="shared" si="30"/>
        <v>Kildare / Carlow</v>
      </c>
      <c r="G385" s="53" t="str">
        <f>$G$384</f>
        <v>(045) 527730</v>
      </c>
    </row>
    <row r="386" spans="1:7" ht="18.75" x14ac:dyDescent="0.3">
      <c r="A386" s="52">
        <v>352</v>
      </c>
      <c r="B386" s="51" t="s">
        <v>767</v>
      </c>
      <c r="C386" s="53" t="s">
        <v>147</v>
      </c>
      <c r="D386" s="54" t="s">
        <v>218</v>
      </c>
      <c r="E386" s="53" t="s">
        <v>924</v>
      </c>
      <c r="F386" s="53" t="str">
        <f t="shared" si="30"/>
        <v>Kildare / Carlow</v>
      </c>
      <c r="G386" s="53" t="s">
        <v>347</v>
      </c>
    </row>
    <row r="387" spans="1:7" ht="18.75" x14ac:dyDescent="0.3">
      <c r="A387" s="52">
        <v>353</v>
      </c>
      <c r="B387" s="51" t="s">
        <v>83</v>
      </c>
      <c r="C387" s="53" t="s">
        <v>148</v>
      </c>
      <c r="D387" s="54" t="s">
        <v>218</v>
      </c>
      <c r="E387" s="53" t="s">
        <v>924</v>
      </c>
      <c r="F387" s="53" t="str">
        <f t="shared" si="30"/>
        <v>Kildare / Carlow</v>
      </c>
      <c r="G387" s="53" t="s">
        <v>347</v>
      </c>
    </row>
    <row r="388" spans="1:7" ht="18.75" x14ac:dyDescent="0.3">
      <c r="A388" s="52">
        <v>354</v>
      </c>
      <c r="B388" s="51" t="s">
        <v>551</v>
      </c>
      <c r="C388" s="53" t="s">
        <v>148</v>
      </c>
      <c r="D388" s="54" t="s">
        <v>552</v>
      </c>
      <c r="E388" s="53" t="s">
        <v>924</v>
      </c>
      <c r="F388" s="53" t="str">
        <f t="shared" si="30"/>
        <v>Kildare / Carlow</v>
      </c>
      <c r="G388" s="53" t="s">
        <v>851</v>
      </c>
    </row>
    <row r="389" spans="1:7" ht="18.75" x14ac:dyDescent="0.3">
      <c r="A389" s="52">
        <v>355</v>
      </c>
      <c r="B389" s="51" t="s">
        <v>556</v>
      </c>
      <c r="C389" s="53" t="s">
        <v>147</v>
      </c>
      <c r="D389" s="54" t="s">
        <v>553</v>
      </c>
      <c r="E389" s="53" t="s">
        <v>924</v>
      </c>
      <c r="F389" s="53" t="str">
        <f t="shared" si="30"/>
        <v>Kildare / Carlow</v>
      </c>
      <c r="G389" s="53" t="s">
        <v>554</v>
      </c>
    </row>
    <row r="390" spans="1:7" ht="18.75" x14ac:dyDescent="0.3">
      <c r="A390" s="52">
        <v>356</v>
      </c>
      <c r="B390" s="51" t="s">
        <v>555</v>
      </c>
      <c r="C390" s="53" t="s">
        <v>148</v>
      </c>
      <c r="D390" s="54" t="s">
        <v>553</v>
      </c>
      <c r="E390" s="53" t="s">
        <v>924</v>
      </c>
      <c r="F390" s="53" t="str">
        <f t="shared" si="30"/>
        <v>Kildare / Carlow</v>
      </c>
      <c r="G390" s="53" t="s">
        <v>554</v>
      </c>
    </row>
    <row r="391" spans="1:7" ht="18.75" x14ac:dyDescent="0.3">
      <c r="A391" s="88">
        <v>357</v>
      </c>
      <c r="B391" s="85" t="s">
        <v>7</v>
      </c>
      <c r="C391" s="86" t="s">
        <v>147</v>
      </c>
      <c r="D391" s="117" t="s">
        <v>531</v>
      </c>
      <c r="E391" s="86" t="s">
        <v>531</v>
      </c>
      <c r="F391" s="86" t="str">
        <f>$F$373</f>
        <v>Kildare / Carlow</v>
      </c>
      <c r="G391" s="86" t="s">
        <v>532</v>
      </c>
    </row>
    <row r="392" spans="1:7" ht="18.75" x14ac:dyDescent="0.3">
      <c r="A392" s="88">
        <v>358</v>
      </c>
      <c r="B392" s="85" t="s">
        <v>533</v>
      </c>
      <c r="C392" s="86" t="s">
        <v>148</v>
      </c>
      <c r="D392" s="117" t="s">
        <v>531</v>
      </c>
      <c r="E392" s="86" t="s">
        <v>531</v>
      </c>
      <c r="F392" s="86" t="str">
        <f t="shared" ref="F392:F393" si="31">$F$373</f>
        <v>Kildare / Carlow</v>
      </c>
      <c r="G392" s="86" t="s">
        <v>532</v>
      </c>
    </row>
    <row r="393" spans="1:7" ht="19.5" thickBot="1" x14ac:dyDescent="0.35">
      <c r="A393" s="90">
        <v>359</v>
      </c>
      <c r="B393" s="91" t="s">
        <v>656</v>
      </c>
      <c r="C393" s="92" t="s">
        <v>148</v>
      </c>
      <c r="D393" s="118" t="s">
        <v>531</v>
      </c>
      <c r="E393" s="92" t="s">
        <v>531</v>
      </c>
      <c r="F393" s="92" t="str">
        <f t="shared" si="31"/>
        <v>Kildare / Carlow</v>
      </c>
      <c r="G393" s="92" t="s">
        <v>532</v>
      </c>
    </row>
    <row r="394" spans="1:7" ht="24" thickBot="1" x14ac:dyDescent="0.3">
      <c r="A394" s="221" t="s">
        <v>885</v>
      </c>
      <c r="B394" s="222"/>
      <c r="C394" s="222"/>
      <c r="D394" s="222"/>
      <c r="E394" s="222"/>
      <c r="F394" s="222"/>
      <c r="G394" s="223"/>
    </row>
    <row r="395" spans="1:7" ht="19.5" thickBot="1" x14ac:dyDescent="0.3">
      <c r="A395" s="7" t="s">
        <v>392</v>
      </c>
      <c r="B395" s="8" t="s">
        <v>0</v>
      </c>
      <c r="C395" s="8" t="s">
        <v>146</v>
      </c>
      <c r="D395" s="8" t="s">
        <v>151</v>
      </c>
      <c r="E395" s="8" t="s">
        <v>264</v>
      </c>
      <c r="F395" s="8" t="s">
        <v>272</v>
      </c>
      <c r="G395" s="8" t="s">
        <v>282</v>
      </c>
    </row>
    <row r="396" spans="1:7" ht="18.75" x14ac:dyDescent="0.3">
      <c r="A396" s="199">
        <v>360</v>
      </c>
      <c r="B396" s="201" t="s">
        <v>529</v>
      </c>
      <c r="C396" s="201" t="s">
        <v>147</v>
      </c>
      <c r="D396" s="202" t="s">
        <v>267</v>
      </c>
      <c r="E396" s="203" t="s">
        <v>267</v>
      </c>
      <c r="F396" s="203" t="s">
        <v>886</v>
      </c>
      <c r="G396" s="201" t="s">
        <v>523</v>
      </c>
    </row>
    <row r="397" spans="1:7" ht="18.75" x14ac:dyDescent="0.3">
      <c r="A397" s="100">
        <v>361</v>
      </c>
      <c r="B397" s="101" t="s">
        <v>522</v>
      </c>
      <c r="C397" s="101" t="s">
        <v>148</v>
      </c>
      <c r="D397" s="103" t="s">
        <v>267</v>
      </c>
      <c r="E397" s="102" t="s">
        <v>267</v>
      </c>
      <c r="F397" s="102" t="s">
        <v>886</v>
      </c>
      <c r="G397" s="101" t="s">
        <v>523</v>
      </c>
    </row>
    <row r="398" spans="1:7" ht="18.75" x14ac:dyDescent="0.3">
      <c r="A398" s="100">
        <v>362</v>
      </c>
      <c r="B398" s="101" t="s">
        <v>526</v>
      </c>
      <c r="C398" s="101" t="s">
        <v>148</v>
      </c>
      <c r="D398" s="102" t="s">
        <v>267</v>
      </c>
      <c r="E398" s="102" t="s">
        <v>267</v>
      </c>
      <c r="F398" s="102" t="s">
        <v>886</v>
      </c>
      <c r="G398" s="101" t="str">
        <f>$G$441</f>
        <v>(042) 9388400</v>
      </c>
    </row>
    <row r="399" spans="1:7" ht="18.75" x14ac:dyDescent="0.3">
      <c r="A399" s="100">
        <v>363</v>
      </c>
      <c r="B399" s="101" t="s">
        <v>97</v>
      </c>
      <c r="C399" s="101" t="s">
        <v>147</v>
      </c>
      <c r="D399" s="103" t="s">
        <v>460</v>
      </c>
      <c r="E399" s="101" t="s">
        <v>267</v>
      </c>
      <c r="F399" s="102" t="s">
        <v>886</v>
      </c>
      <c r="G399" s="101" t="s">
        <v>461</v>
      </c>
    </row>
    <row r="400" spans="1:7" ht="18.75" x14ac:dyDescent="0.3">
      <c r="A400" s="100">
        <v>364</v>
      </c>
      <c r="B400" s="101" t="s">
        <v>524</v>
      </c>
      <c r="C400" s="101" t="s">
        <v>148</v>
      </c>
      <c r="D400" s="102" t="s">
        <v>601</v>
      </c>
      <c r="E400" s="102" t="s">
        <v>267</v>
      </c>
      <c r="F400" s="102" t="s">
        <v>886</v>
      </c>
      <c r="G400" s="101" t="s">
        <v>904</v>
      </c>
    </row>
    <row r="401" spans="1:10" ht="18.75" x14ac:dyDescent="0.3">
      <c r="A401" s="100">
        <v>365</v>
      </c>
      <c r="B401" s="101" t="s">
        <v>525</v>
      </c>
      <c r="C401" s="101" t="s">
        <v>148</v>
      </c>
      <c r="D401" s="102" t="s">
        <v>599</v>
      </c>
      <c r="E401" s="102" t="s">
        <v>267</v>
      </c>
      <c r="F401" s="102" t="s">
        <v>886</v>
      </c>
      <c r="G401" s="101" t="s">
        <v>600</v>
      </c>
    </row>
    <row r="402" spans="1:10" ht="18.75" x14ac:dyDescent="0.3">
      <c r="A402" s="18">
        <v>366</v>
      </c>
      <c r="B402" s="21" t="s">
        <v>520</v>
      </c>
      <c r="C402" s="21" t="s">
        <v>147</v>
      </c>
      <c r="D402" s="21" t="s">
        <v>221</v>
      </c>
      <c r="E402" s="21" t="s">
        <v>221</v>
      </c>
      <c r="F402" s="21" t="s">
        <v>886</v>
      </c>
      <c r="G402" s="21" t="s">
        <v>350</v>
      </c>
    </row>
    <row r="403" spans="1:10" ht="18.75" x14ac:dyDescent="0.3">
      <c r="A403" s="18">
        <v>367</v>
      </c>
      <c r="B403" s="21" t="s">
        <v>90</v>
      </c>
      <c r="C403" s="21" t="s">
        <v>148</v>
      </c>
      <c r="D403" s="21" t="s">
        <v>221</v>
      </c>
      <c r="E403" s="21" t="s">
        <v>221</v>
      </c>
      <c r="F403" s="21" t="s">
        <v>886</v>
      </c>
      <c r="G403" s="21" t="str">
        <f>$G$402</f>
        <v>(057) 9169710</v>
      </c>
    </row>
    <row r="404" spans="1:10" ht="18.75" x14ac:dyDescent="0.3">
      <c r="A404" s="18">
        <v>368</v>
      </c>
      <c r="B404" s="21" t="s">
        <v>521</v>
      </c>
      <c r="C404" s="21" t="s">
        <v>148</v>
      </c>
      <c r="D404" s="21" t="s">
        <v>221</v>
      </c>
      <c r="E404" s="21" t="s">
        <v>221</v>
      </c>
      <c r="F404" s="21" t="s">
        <v>886</v>
      </c>
      <c r="G404" s="21" t="str">
        <f>$G$402</f>
        <v>(057) 9169710</v>
      </c>
    </row>
    <row r="405" spans="1:10" ht="18.75" x14ac:dyDescent="0.3">
      <c r="A405" s="18">
        <v>369</v>
      </c>
      <c r="B405" s="24" t="s">
        <v>61</v>
      </c>
      <c r="C405" s="24" t="s">
        <v>147</v>
      </c>
      <c r="D405" s="20" t="s">
        <v>624</v>
      </c>
      <c r="E405" s="24" t="s">
        <v>528</v>
      </c>
      <c r="F405" s="24" t="s">
        <v>886</v>
      </c>
      <c r="G405" s="24" t="s">
        <v>625</v>
      </c>
    </row>
    <row r="406" spans="1:10" ht="19.5" thickBot="1" x14ac:dyDescent="0.35">
      <c r="A406" s="200">
        <v>370</v>
      </c>
      <c r="B406" s="46" t="s">
        <v>527</v>
      </c>
      <c r="C406" s="46" t="s">
        <v>148</v>
      </c>
      <c r="D406" s="25" t="s">
        <v>528</v>
      </c>
      <c r="E406" s="46" t="s">
        <v>528</v>
      </c>
      <c r="F406" s="46" t="s">
        <v>886</v>
      </c>
      <c r="G406" s="46" t="s">
        <v>530</v>
      </c>
    </row>
    <row r="407" spans="1:10" ht="24.75" customHeight="1" thickBot="1" x14ac:dyDescent="0.3">
      <c r="A407" s="221" t="s">
        <v>606</v>
      </c>
      <c r="B407" s="222"/>
      <c r="C407" s="222"/>
      <c r="D407" s="222"/>
      <c r="E407" s="222"/>
      <c r="F407" s="222"/>
      <c r="G407" s="223"/>
    </row>
    <row r="408" spans="1:10" ht="19.5" thickBot="1" x14ac:dyDescent="0.3">
      <c r="A408" s="7" t="s">
        <v>392</v>
      </c>
      <c r="B408" s="142" t="s">
        <v>0</v>
      </c>
      <c r="C408" s="142" t="s">
        <v>146</v>
      </c>
      <c r="D408" s="142" t="s">
        <v>151</v>
      </c>
      <c r="E408" s="142" t="s">
        <v>264</v>
      </c>
      <c r="F408" s="142" t="s">
        <v>272</v>
      </c>
      <c r="G408" s="9" t="s">
        <v>282</v>
      </c>
    </row>
    <row r="409" spans="1:10" s="4" customFormat="1" ht="18.75" x14ac:dyDescent="0.3">
      <c r="A409" s="72">
        <v>371</v>
      </c>
      <c r="B409" s="83" t="s">
        <v>867</v>
      </c>
      <c r="C409" s="73" t="s">
        <v>147</v>
      </c>
      <c r="D409" s="73" t="s">
        <v>224</v>
      </c>
      <c r="E409" s="73" t="s">
        <v>631</v>
      </c>
      <c r="F409" s="73" t="s">
        <v>281</v>
      </c>
      <c r="G409" s="73" t="s">
        <v>842</v>
      </c>
    </row>
    <row r="410" spans="1:10" ht="18.75" x14ac:dyDescent="0.3">
      <c r="A410" s="30">
        <v>372</v>
      </c>
      <c r="B410" s="35" t="s">
        <v>630</v>
      </c>
      <c r="C410" s="34" t="s">
        <v>148</v>
      </c>
      <c r="D410" s="32" t="s">
        <v>224</v>
      </c>
      <c r="E410" s="34" t="str">
        <f>$E$411</f>
        <v xml:space="preserve">Limerick City North </v>
      </c>
      <c r="F410" s="34" t="s">
        <v>281</v>
      </c>
      <c r="G410" s="34" t="s">
        <v>842</v>
      </c>
      <c r="J410" s="33"/>
    </row>
    <row r="411" spans="1:10" ht="18.75" x14ac:dyDescent="0.3">
      <c r="A411" s="30">
        <v>373</v>
      </c>
      <c r="B411" s="35" t="s">
        <v>653</v>
      </c>
      <c r="C411" s="34" t="s">
        <v>148</v>
      </c>
      <c r="D411" s="32" t="s">
        <v>224</v>
      </c>
      <c r="E411" s="34" t="s">
        <v>631</v>
      </c>
      <c r="F411" s="34" t="s">
        <v>281</v>
      </c>
      <c r="G411" s="34" t="s">
        <v>842</v>
      </c>
    </row>
    <row r="412" spans="1:10" ht="18.75" x14ac:dyDescent="0.3">
      <c r="A412" s="30">
        <v>374</v>
      </c>
      <c r="B412" s="35" t="s">
        <v>633</v>
      </c>
      <c r="C412" s="34" t="s">
        <v>148</v>
      </c>
      <c r="D412" s="32" t="s">
        <v>224</v>
      </c>
      <c r="E412" s="34" t="str">
        <f>$E$411</f>
        <v xml:space="preserve">Limerick City North </v>
      </c>
      <c r="F412" s="34" t="s">
        <v>281</v>
      </c>
      <c r="G412" s="34" t="s">
        <v>842</v>
      </c>
    </row>
    <row r="413" spans="1:10" ht="18.75" x14ac:dyDescent="0.3">
      <c r="A413" s="30">
        <v>375</v>
      </c>
      <c r="B413" s="35" t="s">
        <v>632</v>
      </c>
      <c r="C413" s="34" t="str">
        <f t="shared" ref="C413:F413" si="32">C412</f>
        <v>Garda</v>
      </c>
      <c r="D413" s="32" t="str">
        <f t="shared" si="32"/>
        <v>Henry Street</v>
      </c>
      <c r="E413" s="34" t="str">
        <f t="shared" si="32"/>
        <v xml:space="preserve">Limerick City North </v>
      </c>
      <c r="F413" s="34" t="str">
        <f t="shared" si="32"/>
        <v>Limerick</v>
      </c>
      <c r="G413" s="34" t="s">
        <v>842</v>
      </c>
    </row>
    <row r="414" spans="1:10" ht="18.75" x14ac:dyDescent="0.3">
      <c r="A414" s="30">
        <v>376</v>
      </c>
      <c r="B414" s="35" t="s">
        <v>863</v>
      </c>
      <c r="C414" s="34" t="s">
        <v>148</v>
      </c>
      <c r="D414" s="34" t="s">
        <v>224</v>
      </c>
      <c r="E414" s="34" t="s">
        <v>631</v>
      </c>
      <c r="F414" s="34" t="s">
        <v>281</v>
      </c>
      <c r="G414" s="34" t="s">
        <v>842</v>
      </c>
    </row>
    <row r="415" spans="1:10" ht="18.75" x14ac:dyDescent="0.3">
      <c r="A415" s="30">
        <v>377</v>
      </c>
      <c r="B415" s="35" t="s">
        <v>864</v>
      </c>
      <c r="C415" s="34" t="s">
        <v>148</v>
      </c>
      <c r="D415" s="34" t="s">
        <v>224</v>
      </c>
      <c r="E415" s="34" t="s">
        <v>631</v>
      </c>
      <c r="F415" s="34" t="s">
        <v>281</v>
      </c>
      <c r="G415" s="34" t="s">
        <v>842</v>
      </c>
    </row>
    <row r="416" spans="1:10" ht="18.75" x14ac:dyDescent="0.3">
      <c r="A416" s="30">
        <v>378</v>
      </c>
      <c r="B416" s="35" t="s">
        <v>865</v>
      </c>
      <c r="C416" s="34" t="s">
        <v>148</v>
      </c>
      <c r="D416" s="34" t="s">
        <v>224</v>
      </c>
      <c r="E416" s="34" t="s">
        <v>631</v>
      </c>
      <c r="F416" s="34" t="s">
        <v>281</v>
      </c>
      <c r="G416" s="34" t="s">
        <v>842</v>
      </c>
    </row>
    <row r="417" spans="1:7" ht="18.75" x14ac:dyDescent="0.3">
      <c r="A417" s="30">
        <v>379</v>
      </c>
      <c r="B417" s="35" t="s">
        <v>866</v>
      </c>
      <c r="C417" s="34" t="s">
        <v>148</v>
      </c>
      <c r="D417" s="34" t="s">
        <v>224</v>
      </c>
      <c r="E417" s="34" t="s">
        <v>631</v>
      </c>
      <c r="F417" s="34" t="s">
        <v>281</v>
      </c>
      <c r="G417" s="34" t="s">
        <v>842</v>
      </c>
    </row>
    <row r="418" spans="1:7" ht="18.75" x14ac:dyDescent="0.3">
      <c r="A418" s="30">
        <v>380</v>
      </c>
      <c r="B418" s="35" t="s">
        <v>655</v>
      </c>
      <c r="C418" s="34" t="s">
        <v>148</v>
      </c>
      <c r="D418" s="34" t="s">
        <v>224</v>
      </c>
      <c r="E418" s="34" t="s">
        <v>631</v>
      </c>
      <c r="F418" s="34" t="s">
        <v>281</v>
      </c>
      <c r="G418" s="34" t="s">
        <v>842</v>
      </c>
    </row>
    <row r="419" spans="1:7" ht="18.75" x14ac:dyDescent="0.3">
      <c r="A419" s="30">
        <v>381</v>
      </c>
      <c r="B419" s="35" t="s">
        <v>868</v>
      </c>
      <c r="C419" s="34" t="s">
        <v>148</v>
      </c>
      <c r="D419" s="34" t="s">
        <v>224</v>
      </c>
      <c r="E419" s="34" t="s">
        <v>631</v>
      </c>
      <c r="F419" s="34" t="s">
        <v>281</v>
      </c>
      <c r="G419" s="34" t="s">
        <v>842</v>
      </c>
    </row>
    <row r="420" spans="1:7" ht="18.75" x14ac:dyDescent="0.3">
      <c r="A420" s="30">
        <v>382</v>
      </c>
      <c r="B420" s="35" t="str">
        <f>'[1]WORKING LIST 2024'!C359</f>
        <v>David Ryan</v>
      </c>
      <c r="C420" s="34" t="str">
        <f>'[1]WORKING LIST 2024'!D359</f>
        <v>Garda</v>
      </c>
      <c r="D420" s="34" t="s">
        <v>224</v>
      </c>
      <c r="E420" s="34" t="s">
        <v>631</v>
      </c>
      <c r="F420" s="34" t="s">
        <v>281</v>
      </c>
      <c r="G420" s="34" t="s">
        <v>842</v>
      </c>
    </row>
    <row r="421" spans="1:7" ht="18.75" x14ac:dyDescent="0.3">
      <c r="A421" s="30">
        <v>383</v>
      </c>
      <c r="B421" s="35" t="s">
        <v>635</v>
      </c>
      <c r="C421" s="34" t="s">
        <v>148</v>
      </c>
      <c r="D421" s="34" t="s">
        <v>223</v>
      </c>
      <c r="E421" s="34" t="s">
        <v>631</v>
      </c>
      <c r="F421" s="34" t="s">
        <v>281</v>
      </c>
      <c r="G421" s="34" t="s">
        <v>634</v>
      </c>
    </row>
    <row r="422" spans="1:7" ht="18.75" x14ac:dyDescent="0.3">
      <c r="A422" s="30">
        <v>384</v>
      </c>
      <c r="B422" s="33" t="s">
        <v>94</v>
      </c>
      <c r="C422" s="34" t="s">
        <v>147</v>
      </c>
      <c r="D422" s="34" t="s">
        <v>222</v>
      </c>
      <c r="E422" s="34" t="s">
        <v>705</v>
      </c>
      <c r="F422" s="34" t="s">
        <v>281</v>
      </c>
      <c r="G422" s="34" t="s">
        <v>351</v>
      </c>
    </row>
    <row r="423" spans="1:7" ht="18.75" x14ac:dyDescent="0.3">
      <c r="A423" s="30">
        <v>385</v>
      </c>
      <c r="B423" s="35" t="s">
        <v>91</v>
      </c>
      <c r="C423" s="34" t="s">
        <v>148</v>
      </c>
      <c r="D423" s="32" t="s">
        <v>222</v>
      </c>
      <c r="E423" s="34" t="s">
        <v>705</v>
      </c>
      <c r="F423" s="34" t="s">
        <v>281</v>
      </c>
      <c r="G423" s="34" t="s">
        <v>351</v>
      </c>
    </row>
    <row r="424" spans="1:7" ht="18.75" x14ac:dyDescent="0.3">
      <c r="A424" s="30">
        <v>386</v>
      </c>
      <c r="B424" s="35" t="s">
        <v>879</v>
      </c>
      <c r="C424" s="34" t="s">
        <v>148</v>
      </c>
      <c r="D424" s="32" t="s">
        <v>222</v>
      </c>
      <c r="E424" s="34" t="s">
        <v>705</v>
      </c>
      <c r="F424" s="34" t="s">
        <v>281</v>
      </c>
      <c r="G424" s="34" t="s">
        <v>351</v>
      </c>
    </row>
    <row r="425" spans="1:7" ht="18.75" x14ac:dyDescent="0.3">
      <c r="A425" s="30">
        <v>387</v>
      </c>
      <c r="B425" s="35" t="s">
        <v>869</v>
      </c>
      <c r="C425" s="34" t="s">
        <v>148</v>
      </c>
      <c r="D425" s="32" t="s">
        <v>222</v>
      </c>
      <c r="E425" s="34" t="s">
        <v>705</v>
      </c>
      <c r="F425" s="34" t="s">
        <v>281</v>
      </c>
      <c r="G425" s="34" t="s">
        <v>351</v>
      </c>
    </row>
    <row r="426" spans="1:7" ht="18.75" x14ac:dyDescent="0.3">
      <c r="A426" s="30">
        <v>388</v>
      </c>
      <c r="B426" s="35" t="s">
        <v>92</v>
      </c>
      <c r="C426" s="34" t="s">
        <v>148</v>
      </c>
      <c r="D426" s="32" t="s">
        <v>222</v>
      </c>
      <c r="E426" s="34" t="s">
        <v>705</v>
      </c>
      <c r="F426" s="34" t="s">
        <v>281</v>
      </c>
      <c r="G426" s="34" t="s">
        <v>351</v>
      </c>
    </row>
    <row r="427" spans="1:7" ht="18.75" x14ac:dyDescent="0.3">
      <c r="A427" s="30">
        <v>389</v>
      </c>
      <c r="B427" s="148" t="s">
        <v>706</v>
      </c>
      <c r="C427" s="31" t="s">
        <v>148</v>
      </c>
      <c r="D427" s="75" t="s">
        <v>877</v>
      </c>
      <c r="E427" s="31" t="s">
        <v>705</v>
      </c>
      <c r="F427" s="31" t="s">
        <v>281</v>
      </c>
      <c r="G427" s="31" t="s">
        <v>843</v>
      </c>
    </row>
    <row r="428" spans="1:7" ht="18.75" x14ac:dyDescent="0.3">
      <c r="A428" s="30">
        <v>390</v>
      </c>
      <c r="B428" s="35" t="s">
        <v>871</v>
      </c>
      <c r="C428" s="34" t="s">
        <v>147</v>
      </c>
      <c r="D428" s="32" t="s">
        <v>268</v>
      </c>
      <c r="E428" s="34" t="s">
        <v>704</v>
      </c>
      <c r="F428" s="34" t="s">
        <v>281</v>
      </c>
      <c r="G428" s="34" t="s">
        <v>629</v>
      </c>
    </row>
    <row r="429" spans="1:7" ht="18.75" x14ac:dyDescent="0.3">
      <c r="A429" s="30">
        <v>391</v>
      </c>
      <c r="B429" s="35" t="s">
        <v>93</v>
      </c>
      <c r="C429" s="34" t="s">
        <v>148</v>
      </c>
      <c r="D429" s="32" t="s">
        <v>268</v>
      </c>
      <c r="E429" s="32" t="s">
        <v>704</v>
      </c>
      <c r="F429" s="34" t="s">
        <v>281</v>
      </c>
      <c r="G429" s="34" t="s">
        <v>629</v>
      </c>
    </row>
    <row r="430" spans="1:7" ht="18.75" x14ac:dyDescent="0.3">
      <c r="A430" s="30">
        <v>392</v>
      </c>
      <c r="B430" s="35" t="s">
        <v>870</v>
      </c>
      <c r="C430" s="34" t="s">
        <v>148</v>
      </c>
      <c r="D430" s="32" t="s">
        <v>268</v>
      </c>
      <c r="E430" s="34" t="str">
        <f>$E$433</f>
        <v>Limerick County</v>
      </c>
      <c r="F430" s="34" t="s">
        <v>281</v>
      </c>
      <c r="G430" s="34" t="s">
        <v>902</v>
      </c>
    </row>
    <row r="431" spans="1:7" ht="18.75" x14ac:dyDescent="0.3">
      <c r="A431" s="30">
        <v>393</v>
      </c>
      <c r="B431" s="35" t="s">
        <v>96</v>
      </c>
      <c r="C431" s="34" t="s">
        <v>148</v>
      </c>
      <c r="D431" s="32" t="s">
        <v>226</v>
      </c>
      <c r="E431" s="34" t="s">
        <v>704</v>
      </c>
      <c r="F431" s="34" t="s">
        <v>281</v>
      </c>
      <c r="G431" s="34" t="s">
        <v>353</v>
      </c>
    </row>
    <row r="432" spans="1:7" ht="18.75" x14ac:dyDescent="0.3">
      <c r="A432" s="30">
        <v>394</v>
      </c>
      <c r="B432" s="35" t="s">
        <v>95</v>
      </c>
      <c r="C432" s="34" t="s">
        <v>148</v>
      </c>
      <c r="D432" s="32" t="s">
        <v>225</v>
      </c>
      <c r="E432" s="34" t="s">
        <v>704</v>
      </c>
      <c r="F432" s="34" t="s">
        <v>281</v>
      </c>
      <c r="G432" s="34" t="s">
        <v>352</v>
      </c>
    </row>
    <row r="433" spans="1:7" ht="18.75" x14ac:dyDescent="0.3">
      <c r="A433" s="30">
        <v>395</v>
      </c>
      <c r="B433" s="35" t="s">
        <v>626</v>
      </c>
      <c r="C433" s="34" t="s">
        <v>148</v>
      </c>
      <c r="D433" s="34" t="s">
        <v>627</v>
      </c>
      <c r="E433" s="34" t="s">
        <v>704</v>
      </c>
      <c r="F433" s="34" t="s">
        <v>281</v>
      </c>
      <c r="G433" s="34" t="s">
        <v>628</v>
      </c>
    </row>
    <row r="434" spans="1:7" ht="19.5" thickBot="1" x14ac:dyDescent="0.35">
      <c r="A434" s="149">
        <v>396</v>
      </c>
      <c r="B434" s="39" t="s">
        <v>862</v>
      </c>
      <c r="C434" s="38" t="s">
        <v>148</v>
      </c>
      <c r="D434" s="37" t="s">
        <v>900</v>
      </c>
      <c r="E434" s="38" t="str">
        <f>$E$433</f>
        <v>Limerick County</v>
      </c>
      <c r="F434" s="38" t="s">
        <v>281</v>
      </c>
      <c r="G434" s="38" t="s">
        <v>901</v>
      </c>
    </row>
    <row r="435" spans="1:7" ht="24.75" customHeight="1" thickBot="1" x14ac:dyDescent="0.3">
      <c r="A435" s="221" t="s">
        <v>1019</v>
      </c>
      <c r="B435" s="222"/>
      <c r="C435" s="222"/>
      <c r="D435" s="222"/>
      <c r="E435" s="222"/>
      <c r="F435" s="222"/>
      <c r="G435" s="223"/>
    </row>
    <row r="436" spans="1:7" ht="24" customHeight="1" thickBot="1" x14ac:dyDescent="0.3">
      <c r="A436" s="8" t="s">
        <v>392</v>
      </c>
      <c r="B436" s="8" t="s">
        <v>0</v>
      </c>
      <c r="C436" s="8" t="s">
        <v>146</v>
      </c>
      <c r="D436" s="8" t="s">
        <v>151</v>
      </c>
      <c r="E436" s="8" t="s">
        <v>264</v>
      </c>
      <c r="F436" s="8" t="s">
        <v>272</v>
      </c>
      <c r="G436" s="8" t="s">
        <v>282</v>
      </c>
    </row>
    <row r="437" spans="1:7" ht="18.75" x14ac:dyDescent="0.3">
      <c r="A437" s="40">
        <v>397</v>
      </c>
      <c r="B437" s="169" t="s">
        <v>99</v>
      </c>
      <c r="C437" s="23" t="s">
        <v>147</v>
      </c>
      <c r="D437" s="20" t="s">
        <v>227</v>
      </c>
      <c r="E437" s="21" t="s">
        <v>227</v>
      </c>
      <c r="F437" s="21" t="s">
        <v>894</v>
      </c>
      <c r="G437" s="21" t="s">
        <v>354</v>
      </c>
    </row>
    <row r="438" spans="1:7" ht="18.75" x14ac:dyDescent="0.3">
      <c r="A438" s="22">
        <v>398</v>
      </c>
      <c r="B438" s="169" t="s">
        <v>510</v>
      </c>
      <c r="C438" s="23" t="s">
        <v>149</v>
      </c>
      <c r="D438" s="20" t="s">
        <v>227</v>
      </c>
      <c r="E438" s="21" t="s">
        <v>227</v>
      </c>
      <c r="F438" s="21" t="s">
        <v>894</v>
      </c>
      <c r="G438" s="21" t="s">
        <v>354</v>
      </c>
    </row>
    <row r="439" spans="1:7" ht="18.75" x14ac:dyDescent="0.3">
      <c r="A439" s="22">
        <v>399</v>
      </c>
      <c r="B439" s="170" t="s">
        <v>98</v>
      </c>
      <c r="C439" s="19" t="s">
        <v>149</v>
      </c>
      <c r="D439" s="20" t="s">
        <v>227</v>
      </c>
      <c r="E439" s="21" t="s">
        <v>227</v>
      </c>
      <c r="F439" s="21" t="s">
        <v>894</v>
      </c>
      <c r="G439" s="21" t="s">
        <v>354</v>
      </c>
    </row>
    <row r="440" spans="1:7" ht="18.75" x14ac:dyDescent="0.3">
      <c r="A440" s="22">
        <v>400</v>
      </c>
      <c r="B440" s="170" t="s">
        <v>505</v>
      </c>
      <c r="C440" s="19" t="s">
        <v>149</v>
      </c>
      <c r="D440" s="20" t="s">
        <v>227</v>
      </c>
      <c r="E440" s="21" t="s">
        <v>227</v>
      </c>
      <c r="F440" s="21" t="s">
        <v>894</v>
      </c>
      <c r="G440" s="21" t="s">
        <v>354</v>
      </c>
    </row>
    <row r="441" spans="1:7" ht="18.75" x14ac:dyDescent="0.3">
      <c r="A441" s="22">
        <v>401</v>
      </c>
      <c r="B441" s="170" t="s">
        <v>508</v>
      </c>
      <c r="C441" s="19" t="s">
        <v>149</v>
      </c>
      <c r="D441" s="20" t="s">
        <v>227</v>
      </c>
      <c r="E441" s="21" t="s">
        <v>227</v>
      </c>
      <c r="F441" s="21" t="s">
        <v>894</v>
      </c>
      <c r="G441" s="21" t="s">
        <v>354</v>
      </c>
    </row>
    <row r="442" spans="1:7" ht="18.75" x14ac:dyDescent="0.3">
      <c r="A442" s="22">
        <v>402</v>
      </c>
      <c r="B442" s="170" t="s">
        <v>509</v>
      </c>
      <c r="C442" s="19" t="s">
        <v>149</v>
      </c>
      <c r="D442" s="20" t="s">
        <v>227</v>
      </c>
      <c r="E442" s="21" t="s">
        <v>227</v>
      </c>
      <c r="F442" s="21" t="s">
        <v>894</v>
      </c>
      <c r="G442" s="21" t="s">
        <v>354</v>
      </c>
    </row>
    <row r="443" spans="1:7" ht="18.75" x14ac:dyDescent="0.3">
      <c r="A443" s="22">
        <v>403</v>
      </c>
      <c r="B443" s="170" t="s">
        <v>514</v>
      </c>
      <c r="C443" s="19" t="s">
        <v>149</v>
      </c>
      <c r="D443" s="20" t="s">
        <v>227</v>
      </c>
      <c r="E443" s="21" t="s">
        <v>227</v>
      </c>
      <c r="F443" s="21" t="s">
        <v>894</v>
      </c>
      <c r="G443" s="21" t="s">
        <v>354</v>
      </c>
    </row>
    <row r="444" spans="1:7" ht="18.75" x14ac:dyDescent="0.3">
      <c r="A444" s="22">
        <v>404</v>
      </c>
      <c r="B444" s="170" t="s">
        <v>519</v>
      </c>
      <c r="C444" s="19" t="s">
        <v>148</v>
      </c>
      <c r="D444" s="20" t="s">
        <v>227</v>
      </c>
      <c r="E444" s="21" t="s">
        <v>227</v>
      </c>
      <c r="F444" s="21" t="s">
        <v>894</v>
      </c>
      <c r="G444" s="21" t="s">
        <v>354</v>
      </c>
    </row>
    <row r="445" spans="1:7" ht="18.75" x14ac:dyDescent="0.3">
      <c r="A445" s="22">
        <v>405</v>
      </c>
      <c r="B445" s="170" t="s">
        <v>895</v>
      </c>
      <c r="C445" s="19" t="str">
        <f>C451</f>
        <v xml:space="preserve">Garda </v>
      </c>
      <c r="D445" s="21" t="s">
        <v>227</v>
      </c>
      <c r="E445" s="21" t="s">
        <v>227</v>
      </c>
      <c r="F445" s="21" t="s">
        <v>894</v>
      </c>
      <c r="G445" s="21" t="str">
        <f>G451</f>
        <v>(042) 9372205</v>
      </c>
    </row>
    <row r="446" spans="1:7" ht="18.75" x14ac:dyDescent="0.3">
      <c r="A446" s="22">
        <v>406</v>
      </c>
      <c r="B446" s="170" t="s">
        <v>503</v>
      </c>
      <c r="C446" s="19" t="s">
        <v>148</v>
      </c>
      <c r="D446" s="20" t="s">
        <v>228</v>
      </c>
      <c r="E446" s="21" t="s">
        <v>228</v>
      </c>
      <c r="F446" s="21" t="s">
        <v>894</v>
      </c>
      <c r="G446" s="21" t="s">
        <v>355</v>
      </c>
    </row>
    <row r="447" spans="1:7" ht="18.75" x14ac:dyDescent="0.3">
      <c r="A447" s="22">
        <v>407</v>
      </c>
      <c r="B447" s="170" t="s">
        <v>506</v>
      </c>
      <c r="C447" s="19" t="s">
        <v>148</v>
      </c>
      <c r="D447" s="20" t="s">
        <v>228</v>
      </c>
      <c r="E447" s="21" t="s">
        <v>228</v>
      </c>
      <c r="F447" s="21" t="s">
        <v>894</v>
      </c>
      <c r="G447" s="21" t="s">
        <v>355</v>
      </c>
    </row>
    <row r="448" spans="1:7" ht="18.75" x14ac:dyDescent="0.3">
      <c r="A448" s="22">
        <v>408</v>
      </c>
      <c r="B448" s="170" t="s">
        <v>513</v>
      </c>
      <c r="C448" s="19" t="s">
        <v>148</v>
      </c>
      <c r="D448" s="20" t="s">
        <v>228</v>
      </c>
      <c r="E448" s="21" t="s">
        <v>228</v>
      </c>
      <c r="F448" s="21" t="s">
        <v>894</v>
      </c>
      <c r="G448" s="21" t="s">
        <v>355</v>
      </c>
    </row>
    <row r="449" spans="1:7" ht="18.75" x14ac:dyDescent="0.3">
      <c r="A449" s="22">
        <v>409</v>
      </c>
      <c r="B449" s="170" t="s">
        <v>507</v>
      </c>
      <c r="C449" s="19" t="s">
        <v>148</v>
      </c>
      <c r="D449" s="20" t="s">
        <v>228</v>
      </c>
      <c r="E449" s="21" t="s">
        <v>228</v>
      </c>
      <c r="F449" s="21" t="s">
        <v>894</v>
      </c>
      <c r="G449" s="21" t="s">
        <v>355</v>
      </c>
    </row>
    <row r="450" spans="1:7" ht="18.75" x14ac:dyDescent="0.3">
      <c r="A450" s="22">
        <v>410</v>
      </c>
      <c r="B450" s="170" t="s">
        <v>518</v>
      </c>
      <c r="C450" s="19" t="s">
        <v>148</v>
      </c>
      <c r="D450" s="20" t="s">
        <v>511</v>
      </c>
      <c r="E450" s="21" t="s">
        <v>511</v>
      </c>
      <c r="F450" s="21" t="s">
        <v>894</v>
      </c>
      <c r="G450" s="21" t="s">
        <v>512</v>
      </c>
    </row>
    <row r="451" spans="1:7" ht="18.75" x14ac:dyDescent="0.3">
      <c r="A451" s="22">
        <v>411</v>
      </c>
      <c r="B451" s="170" t="s">
        <v>515</v>
      </c>
      <c r="C451" s="19" t="s">
        <v>149</v>
      </c>
      <c r="D451" s="19" t="s">
        <v>516</v>
      </c>
      <c r="E451" s="19" t="s">
        <v>511</v>
      </c>
      <c r="F451" s="21" t="s">
        <v>894</v>
      </c>
      <c r="G451" s="19" t="s">
        <v>517</v>
      </c>
    </row>
    <row r="452" spans="1:7" ht="19.5" customHeight="1" x14ac:dyDescent="0.3">
      <c r="A452" s="13">
        <v>412</v>
      </c>
      <c r="B452" s="171" t="s">
        <v>711</v>
      </c>
      <c r="C452" s="204" t="s">
        <v>148</v>
      </c>
      <c r="D452" s="14" t="s">
        <v>712</v>
      </c>
      <c r="E452" s="11" t="s">
        <v>712</v>
      </c>
      <c r="F452" s="11" t="s">
        <v>894</v>
      </c>
      <c r="G452" s="11" t="s">
        <v>713</v>
      </c>
    </row>
    <row r="453" spans="1:7" ht="19.5" customHeight="1" x14ac:dyDescent="0.3">
      <c r="A453" s="13">
        <v>413</v>
      </c>
      <c r="B453" s="171" t="s">
        <v>714</v>
      </c>
      <c r="C453" s="204" t="s">
        <v>148</v>
      </c>
      <c r="D453" s="14" t="s">
        <v>712</v>
      </c>
      <c r="E453" s="11" t="s">
        <v>712</v>
      </c>
      <c r="F453" s="11" t="s">
        <v>894</v>
      </c>
      <c r="G453" s="11" t="s">
        <v>713</v>
      </c>
    </row>
    <row r="454" spans="1:7" ht="19.5" customHeight="1" x14ac:dyDescent="0.3">
      <c r="A454" s="13">
        <v>414</v>
      </c>
      <c r="B454" s="171" t="s">
        <v>715</v>
      </c>
      <c r="C454" s="204" t="s">
        <v>148</v>
      </c>
      <c r="D454" s="14" t="s">
        <v>712</v>
      </c>
      <c r="E454" s="11" t="s">
        <v>712</v>
      </c>
      <c r="F454" s="11" t="s">
        <v>894</v>
      </c>
      <c r="G454" s="11" t="s">
        <v>713</v>
      </c>
    </row>
    <row r="455" spans="1:7" ht="19.5" customHeight="1" x14ac:dyDescent="0.3">
      <c r="A455" s="13">
        <v>415</v>
      </c>
      <c r="B455" s="171" t="s">
        <v>716</v>
      </c>
      <c r="C455" s="204" t="s">
        <v>148</v>
      </c>
      <c r="D455" s="14" t="s">
        <v>712</v>
      </c>
      <c r="E455" s="11" t="s">
        <v>712</v>
      </c>
      <c r="F455" s="11" t="s">
        <v>894</v>
      </c>
      <c r="G455" s="11" t="s">
        <v>713</v>
      </c>
    </row>
    <row r="456" spans="1:7" ht="19.5" customHeight="1" x14ac:dyDescent="0.3">
      <c r="A456" s="13">
        <v>416</v>
      </c>
      <c r="B456" s="171" t="s">
        <v>111</v>
      </c>
      <c r="C456" s="204" t="s">
        <v>147</v>
      </c>
      <c r="D456" s="14" t="s">
        <v>906</v>
      </c>
      <c r="E456" s="11" t="s">
        <v>712</v>
      </c>
      <c r="F456" s="11" t="s">
        <v>894</v>
      </c>
      <c r="G456" s="11" t="s">
        <v>907</v>
      </c>
    </row>
    <row r="457" spans="1:7" ht="19.5" customHeight="1" x14ac:dyDescent="0.3">
      <c r="A457" s="13">
        <v>417</v>
      </c>
      <c r="B457" s="171" t="s">
        <v>719</v>
      </c>
      <c r="C457" s="204" t="s">
        <v>148</v>
      </c>
      <c r="D457" s="14" t="s">
        <v>717</v>
      </c>
      <c r="E457" s="11" t="s">
        <v>718</v>
      </c>
      <c r="F457" s="11" t="s">
        <v>894</v>
      </c>
      <c r="G457" s="11" t="s">
        <v>907</v>
      </c>
    </row>
    <row r="458" spans="1:7" ht="18.75" x14ac:dyDescent="0.3">
      <c r="A458" s="109">
        <v>418</v>
      </c>
      <c r="B458" s="172" t="s">
        <v>722</v>
      </c>
      <c r="C458" s="205" t="s">
        <v>148</v>
      </c>
      <c r="D458" s="136" t="s">
        <v>720</v>
      </c>
      <c r="E458" s="112" t="s">
        <v>720</v>
      </c>
      <c r="F458" s="112" t="s">
        <v>660</v>
      </c>
      <c r="G458" s="112" t="s">
        <v>723</v>
      </c>
    </row>
    <row r="459" spans="1:7" ht="18.75" x14ac:dyDescent="0.3">
      <c r="A459" s="109">
        <v>419</v>
      </c>
      <c r="B459" s="172" t="s">
        <v>893</v>
      </c>
      <c r="C459" s="205" t="s">
        <v>148</v>
      </c>
      <c r="D459" s="136" t="s">
        <v>720</v>
      </c>
      <c r="E459" s="112" t="s">
        <v>720</v>
      </c>
      <c r="F459" s="112" t="s">
        <v>894</v>
      </c>
      <c r="G459" s="112" t="s">
        <v>723</v>
      </c>
    </row>
    <row r="460" spans="1:7" ht="18.75" x14ac:dyDescent="0.3">
      <c r="A460" s="109">
        <v>420</v>
      </c>
      <c r="B460" s="172" t="s">
        <v>732</v>
      </c>
      <c r="C460" s="205" t="s">
        <v>148</v>
      </c>
      <c r="D460" s="136" t="s">
        <v>733</v>
      </c>
      <c r="E460" s="112" t="s">
        <v>720</v>
      </c>
      <c r="F460" s="112" t="s">
        <v>894</v>
      </c>
      <c r="G460" s="112" t="s">
        <v>721</v>
      </c>
    </row>
    <row r="461" spans="1:7" ht="18.75" x14ac:dyDescent="0.3">
      <c r="A461" s="109">
        <v>421</v>
      </c>
      <c r="B461" s="172" t="s">
        <v>724</v>
      </c>
      <c r="C461" s="205" t="s">
        <v>148</v>
      </c>
      <c r="D461" s="112" t="s">
        <v>725</v>
      </c>
      <c r="E461" s="112" t="s">
        <v>725</v>
      </c>
      <c r="F461" s="112" t="s">
        <v>894</v>
      </c>
      <c r="G461" s="112" t="s">
        <v>726</v>
      </c>
    </row>
    <row r="462" spans="1:7" ht="18.75" x14ac:dyDescent="0.3">
      <c r="A462" s="109">
        <v>422</v>
      </c>
      <c r="B462" s="172" t="s">
        <v>727</v>
      </c>
      <c r="C462" s="205" t="s">
        <v>148</v>
      </c>
      <c r="D462" s="112" t="s">
        <v>728</v>
      </c>
      <c r="E462" s="112" t="s">
        <v>725</v>
      </c>
      <c r="F462" s="112" t="s">
        <v>894</v>
      </c>
      <c r="G462" s="112" t="str">
        <f>$G$463</f>
        <v>(042) 9747900</v>
      </c>
    </row>
    <row r="463" spans="1:7" ht="18.75" x14ac:dyDescent="0.3">
      <c r="A463" s="109">
        <v>423</v>
      </c>
      <c r="B463" s="172" t="s">
        <v>729</v>
      </c>
      <c r="C463" s="205" t="s">
        <v>148</v>
      </c>
      <c r="D463" s="112" t="s">
        <v>728</v>
      </c>
      <c r="E463" s="112" t="s">
        <v>725</v>
      </c>
      <c r="F463" s="112" t="s">
        <v>894</v>
      </c>
      <c r="G463" s="112" t="s">
        <v>730</v>
      </c>
    </row>
    <row r="464" spans="1:7" ht="19.5" thickBot="1" x14ac:dyDescent="0.35">
      <c r="A464" s="130">
        <v>424</v>
      </c>
      <c r="B464" s="185" t="s">
        <v>731</v>
      </c>
      <c r="C464" s="206" t="s">
        <v>148</v>
      </c>
      <c r="D464" s="143" t="s">
        <v>728</v>
      </c>
      <c r="E464" s="143" t="s">
        <v>725</v>
      </c>
      <c r="F464" s="143" t="s">
        <v>894</v>
      </c>
      <c r="G464" s="143" t="s">
        <v>730</v>
      </c>
    </row>
    <row r="465" spans="1:7" ht="24" thickBot="1" x14ac:dyDescent="0.3">
      <c r="A465" s="221" t="s">
        <v>662</v>
      </c>
      <c r="B465" s="222"/>
      <c r="C465" s="222"/>
      <c r="D465" s="222"/>
      <c r="E465" s="222"/>
      <c r="F465" s="222"/>
      <c r="G465" s="223"/>
    </row>
    <row r="466" spans="1:7" ht="19.5" thickBot="1" x14ac:dyDescent="0.3">
      <c r="A466" s="207" t="s">
        <v>392</v>
      </c>
      <c r="B466" s="121" t="s">
        <v>0</v>
      </c>
      <c r="C466" s="121" t="s">
        <v>146</v>
      </c>
      <c r="D466" s="121" t="s">
        <v>151</v>
      </c>
      <c r="E466" s="121" t="s">
        <v>264</v>
      </c>
      <c r="F466" s="121" t="s">
        <v>272</v>
      </c>
      <c r="G466" s="121" t="s">
        <v>282</v>
      </c>
    </row>
    <row r="467" spans="1:7" ht="18.75" x14ac:dyDescent="0.3">
      <c r="A467" s="127">
        <v>425</v>
      </c>
      <c r="B467" s="41" t="s">
        <v>598</v>
      </c>
      <c r="C467" s="42" t="s">
        <v>147</v>
      </c>
      <c r="D467" s="42" t="s">
        <v>232</v>
      </c>
      <c r="E467" s="42" t="s">
        <v>639</v>
      </c>
      <c r="F467" s="42" t="s">
        <v>892</v>
      </c>
      <c r="G467" s="42" t="s">
        <v>359</v>
      </c>
    </row>
    <row r="468" spans="1:7" ht="18.75" x14ac:dyDescent="0.3">
      <c r="A468" s="22">
        <v>426</v>
      </c>
      <c r="B468" s="43" t="str">
        <f>[2]Sheet1!C26</f>
        <v xml:space="preserve">Peter Hanley </v>
      </c>
      <c r="C468" s="24" t="str">
        <f>[2]Sheet1!D26</f>
        <v>Sergeant</v>
      </c>
      <c r="D468" s="24" t="str">
        <f>[2]Sheet1!E26</f>
        <v>Castlebar</v>
      </c>
      <c r="E468" s="24" t="str">
        <f>E470</f>
        <v xml:space="preserve">Castlebar/Westport </v>
      </c>
      <c r="F468" s="24" t="s">
        <v>892</v>
      </c>
      <c r="G468" s="24" t="str">
        <f>G470</f>
        <v>(094) 9038200</v>
      </c>
    </row>
    <row r="469" spans="1:7" ht="18.75" x14ac:dyDescent="0.3">
      <c r="A469" s="154">
        <v>427</v>
      </c>
      <c r="B469" s="43" t="s">
        <v>103</v>
      </c>
      <c r="C469" s="24" t="s">
        <v>703</v>
      </c>
      <c r="D469" s="24" t="s">
        <v>232</v>
      </c>
      <c r="E469" s="24" t="s">
        <v>639</v>
      </c>
      <c r="F469" s="24" t="s">
        <v>892</v>
      </c>
      <c r="G469" s="24" t="s">
        <v>359</v>
      </c>
    </row>
    <row r="470" spans="1:7" ht="18.75" x14ac:dyDescent="0.3">
      <c r="A470" s="154">
        <v>428</v>
      </c>
      <c r="B470" s="43" t="s">
        <v>104</v>
      </c>
      <c r="C470" s="24" t="s">
        <v>148</v>
      </c>
      <c r="D470" s="24" t="s">
        <v>232</v>
      </c>
      <c r="E470" s="24" t="s">
        <v>639</v>
      </c>
      <c r="F470" s="24" t="s">
        <v>892</v>
      </c>
      <c r="G470" s="24" t="s">
        <v>359</v>
      </c>
    </row>
    <row r="471" spans="1:7" ht="18.75" x14ac:dyDescent="0.3">
      <c r="A471" s="22">
        <v>429</v>
      </c>
      <c r="B471" s="43" t="s">
        <v>882</v>
      </c>
      <c r="C471" s="24" t="str">
        <f>C470</f>
        <v>Garda</v>
      </c>
      <c r="D471" s="24" t="str">
        <f>D470</f>
        <v>Castlebar</v>
      </c>
      <c r="E471" s="24" t="str">
        <f>E470</f>
        <v xml:space="preserve">Castlebar/Westport </v>
      </c>
      <c r="F471" s="24" t="s">
        <v>892</v>
      </c>
      <c r="G471" s="24" t="str">
        <f>G470</f>
        <v>(094) 9038200</v>
      </c>
    </row>
    <row r="472" spans="1:7" ht="18.75" x14ac:dyDescent="0.3">
      <c r="A472" s="154">
        <v>430</v>
      </c>
      <c r="B472" s="43" t="s">
        <v>471</v>
      </c>
      <c r="C472" s="24" t="s">
        <v>148</v>
      </c>
      <c r="D472" s="24" t="s">
        <v>232</v>
      </c>
      <c r="E472" s="24" t="s">
        <v>639</v>
      </c>
      <c r="F472" s="24" t="s">
        <v>892</v>
      </c>
      <c r="G472" s="24" t="s">
        <v>359</v>
      </c>
    </row>
    <row r="473" spans="1:7" ht="18.75" x14ac:dyDescent="0.3">
      <c r="A473" s="154">
        <v>431</v>
      </c>
      <c r="B473" s="43" t="s">
        <v>106</v>
      </c>
      <c r="C473" s="24" t="s">
        <v>148</v>
      </c>
      <c r="D473" s="24" t="s">
        <v>232</v>
      </c>
      <c r="E473" s="24" t="s">
        <v>639</v>
      </c>
      <c r="F473" s="24" t="s">
        <v>892</v>
      </c>
      <c r="G473" s="24" t="s">
        <v>359</v>
      </c>
    </row>
    <row r="474" spans="1:7" ht="18.75" x14ac:dyDescent="0.3">
      <c r="A474" s="22">
        <v>432</v>
      </c>
      <c r="B474" s="43" t="s">
        <v>102</v>
      </c>
      <c r="C474" s="24" t="s">
        <v>148</v>
      </c>
      <c r="D474" s="24" t="s">
        <v>231</v>
      </c>
      <c r="E474" s="24" t="s">
        <v>639</v>
      </c>
      <c r="F474" s="24" t="s">
        <v>892</v>
      </c>
      <c r="G474" s="24" t="s">
        <v>358</v>
      </c>
    </row>
    <row r="475" spans="1:7" ht="18.75" x14ac:dyDescent="0.3">
      <c r="A475" s="154">
        <v>433</v>
      </c>
      <c r="B475" s="43" t="s">
        <v>925</v>
      </c>
      <c r="C475" s="24" t="s">
        <v>147</v>
      </c>
      <c r="D475" s="24" t="s">
        <v>889</v>
      </c>
      <c r="E475" s="24" t="s">
        <v>639</v>
      </c>
      <c r="F475" s="24" t="s">
        <v>892</v>
      </c>
      <c r="G475" s="24" t="s">
        <v>358</v>
      </c>
    </row>
    <row r="476" spans="1:7" ht="18.75" x14ac:dyDescent="0.3">
      <c r="A476" s="154">
        <v>434</v>
      </c>
      <c r="B476" s="43" t="s">
        <v>120</v>
      </c>
      <c r="C476" s="24" t="s">
        <v>148</v>
      </c>
      <c r="D476" s="24" t="s">
        <v>889</v>
      </c>
      <c r="E476" s="24" t="s">
        <v>639</v>
      </c>
      <c r="F476" s="24" t="s">
        <v>892</v>
      </c>
      <c r="G476" s="24" t="s">
        <v>358</v>
      </c>
    </row>
    <row r="477" spans="1:7" ht="18.75" x14ac:dyDescent="0.3">
      <c r="A477" s="22">
        <v>435</v>
      </c>
      <c r="B477" s="43" t="s">
        <v>100</v>
      </c>
      <c r="C477" s="24" t="s">
        <v>148</v>
      </c>
      <c r="D477" s="24" t="s">
        <v>229</v>
      </c>
      <c r="E477" s="24" t="s">
        <v>640</v>
      </c>
      <c r="F477" s="24" t="s">
        <v>892</v>
      </c>
      <c r="G477" s="24" t="s">
        <v>356</v>
      </c>
    </row>
    <row r="478" spans="1:7" ht="18.75" x14ac:dyDescent="0.3">
      <c r="A478" s="154">
        <v>436</v>
      </c>
      <c r="B478" s="43" t="s">
        <v>84</v>
      </c>
      <c r="C478" s="24" t="s">
        <v>148</v>
      </c>
      <c r="D478" s="24" t="s">
        <v>229</v>
      </c>
      <c r="E478" s="24" t="s">
        <v>640</v>
      </c>
      <c r="F478" s="24" t="s">
        <v>892</v>
      </c>
      <c r="G478" s="24" t="s">
        <v>356</v>
      </c>
    </row>
    <row r="479" spans="1:7" ht="18.75" x14ac:dyDescent="0.3">
      <c r="A479" s="154">
        <v>437</v>
      </c>
      <c r="B479" s="43" t="s">
        <v>105</v>
      </c>
      <c r="C479" s="24" t="s">
        <v>147</v>
      </c>
      <c r="D479" s="24" t="s">
        <v>230</v>
      </c>
      <c r="E479" s="24" t="s">
        <v>640</v>
      </c>
      <c r="F479" s="24" t="s">
        <v>892</v>
      </c>
      <c r="G479" s="24" t="s">
        <v>357</v>
      </c>
    </row>
    <row r="480" spans="1:7" ht="18.75" x14ac:dyDescent="0.3">
      <c r="A480" s="22">
        <v>438</v>
      </c>
      <c r="B480" s="43" t="s">
        <v>101</v>
      </c>
      <c r="C480" s="24" t="s">
        <v>148</v>
      </c>
      <c r="D480" s="24" t="s">
        <v>230</v>
      </c>
      <c r="E480" s="24" t="s">
        <v>640</v>
      </c>
      <c r="F480" s="24" t="s">
        <v>892</v>
      </c>
      <c r="G480" s="24" t="s">
        <v>357</v>
      </c>
    </row>
    <row r="481" spans="1:7" ht="18.75" x14ac:dyDescent="0.3">
      <c r="A481" s="154">
        <v>439</v>
      </c>
      <c r="B481" s="43" t="s">
        <v>98</v>
      </c>
      <c r="C481" s="24" t="s">
        <v>147</v>
      </c>
      <c r="D481" s="24" t="s">
        <v>233</v>
      </c>
      <c r="E481" s="24" t="s">
        <v>641</v>
      </c>
      <c r="F481" s="24" t="s">
        <v>892</v>
      </c>
      <c r="G481" s="24" t="s">
        <v>360</v>
      </c>
    </row>
    <row r="482" spans="1:7" ht="18.75" x14ac:dyDescent="0.3">
      <c r="A482" s="154">
        <v>440</v>
      </c>
      <c r="B482" s="43" t="s">
        <v>799</v>
      </c>
      <c r="C482" s="24" t="str">
        <f>C194</f>
        <v>Garda</v>
      </c>
      <c r="D482" s="24" t="s">
        <v>233</v>
      </c>
      <c r="E482" s="24" t="s">
        <v>233</v>
      </c>
      <c r="F482" s="24" t="s">
        <v>892</v>
      </c>
      <c r="G482" s="24" t="s">
        <v>360</v>
      </c>
    </row>
    <row r="483" spans="1:7" ht="18.75" x14ac:dyDescent="0.3">
      <c r="A483" s="22">
        <v>441</v>
      </c>
      <c r="B483" s="43" t="s">
        <v>43</v>
      </c>
      <c r="C483" s="24" t="s">
        <v>148</v>
      </c>
      <c r="D483" s="24" t="s">
        <v>234</v>
      </c>
      <c r="E483" s="24" t="s">
        <v>641</v>
      </c>
      <c r="F483" s="24" t="s">
        <v>892</v>
      </c>
      <c r="G483" s="24" t="s">
        <v>361</v>
      </c>
    </row>
    <row r="484" spans="1:7" ht="18.75" x14ac:dyDescent="0.3">
      <c r="A484" s="154">
        <v>442</v>
      </c>
      <c r="B484" s="43" t="str">
        <f>[2]Sheet1!C28</f>
        <v>Michael Jennings</v>
      </c>
      <c r="C484" s="24" t="str">
        <f>[2]Sheet1!D28</f>
        <v xml:space="preserve">Garda </v>
      </c>
      <c r="D484" s="24" t="str">
        <f>[2]Sheet1!E28</f>
        <v>Ballyhaunis</v>
      </c>
      <c r="E484" s="24" t="str">
        <f t="shared" ref="E484:G484" si="33">E483</f>
        <v xml:space="preserve">Claremorris </v>
      </c>
      <c r="F484" s="24" t="str">
        <f t="shared" si="33"/>
        <v>Mayo/Roscommon/Longford</v>
      </c>
      <c r="G484" s="24" t="str">
        <f t="shared" si="33"/>
        <v>(094) 9630008</v>
      </c>
    </row>
    <row r="485" spans="1:7" ht="18.75" x14ac:dyDescent="0.3">
      <c r="A485" s="154">
        <v>443</v>
      </c>
      <c r="B485" s="43" t="s">
        <v>881</v>
      </c>
      <c r="C485" s="24" t="str">
        <f t="shared" ref="C485:G485" si="34">C484</f>
        <v xml:space="preserve">Garda </v>
      </c>
      <c r="D485" s="24" t="str">
        <f t="shared" si="34"/>
        <v>Ballyhaunis</v>
      </c>
      <c r="E485" s="24" t="str">
        <f t="shared" si="34"/>
        <v xml:space="preserve">Claremorris </v>
      </c>
      <c r="F485" s="24" t="str">
        <f t="shared" si="34"/>
        <v>Mayo/Roscommon/Longford</v>
      </c>
      <c r="G485" s="24" t="str">
        <f t="shared" si="34"/>
        <v>(094) 9630008</v>
      </c>
    </row>
    <row r="486" spans="1:7" ht="18.75" x14ac:dyDescent="0.3">
      <c r="A486" s="159">
        <v>444</v>
      </c>
      <c r="B486" s="160" t="s">
        <v>580</v>
      </c>
      <c r="C486" s="158" t="str">
        <f>$C$446</f>
        <v>Garda</v>
      </c>
      <c r="D486" s="125" t="s">
        <v>581</v>
      </c>
      <c r="E486" s="158" t="s">
        <v>241</v>
      </c>
      <c r="F486" s="158" t="s">
        <v>892</v>
      </c>
      <c r="G486" s="158" t="s">
        <v>582</v>
      </c>
    </row>
    <row r="487" spans="1:7" ht="18.75" x14ac:dyDescent="0.3">
      <c r="A487" s="159">
        <v>445</v>
      </c>
      <c r="B487" s="160" t="s">
        <v>579</v>
      </c>
      <c r="C487" s="158" t="s">
        <v>147</v>
      </c>
      <c r="D487" s="125" t="s">
        <v>242</v>
      </c>
      <c r="E487" s="158" t="s">
        <v>241</v>
      </c>
      <c r="F487" s="158" t="s">
        <v>892</v>
      </c>
      <c r="G487" s="158" t="s">
        <v>367</v>
      </c>
    </row>
    <row r="488" spans="1:7" ht="18" customHeight="1" x14ac:dyDescent="0.3">
      <c r="A488" s="159">
        <v>446</v>
      </c>
      <c r="B488" s="160" t="s">
        <v>113</v>
      </c>
      <c r="C488" s="158" t="s">
        <v>148</v>
      </c>
      <c r="D488" s="125" t="s">
        <v>242</v>
      </c>
      <c r="E488" s="158" t="s">
        <v>241</v>
      </c>
      <c r="F488" s="158" t="s">
        <v>892</v>
      </c>
      <c r="G488" s="158" t="s">
        <v>367</v>
      </c>
    </row>
    <row r="489" spans="1:7" ht="18.75" x14ac:dyDescent="0.3">
      <c r="A489" s="159">
        <v>447</v>
      </c>
      <c r="B489" s="160" t="s">
        <v>595</v>
      </c>
      <c r="C489" s="158" t="s">
        <v>148</v>
      </c>
      <c r="D489" s="125" t="s">
        <v>576</v>
      </c>
      <c r="E489" s="158" t="s">
        <v>576</v>
      </c>
      <c r="F489" s="158" t="s">
        <v>892</v>
      </c>
      <c r="G489" s="158" t="s">
        <v>577</v>
      </c>
    </row>
    <row r="490" spans="1:7" ht="18.75" x14ac:dyDescent="0.3">
      <c r="A490" s="159">
        <v>448</v>
      </c>
      <c r="B490" s="160" t="s">
        <v>575</v>
      </c>
      <c r="C490" s="158" t="s">
        <v>147</v>
      </c>
      <c r="D490" s="125" t="s">
        <v>576</v>
      </c>
      <c r="E490" s="158" t="s">
        <v>576</v>
      </c>
      <c r="F490" s="158" t="s">
        <v>892</v>
      </c>
      <c r="G490" s="158" t="s">
        <v>577</v>
      </c>
    </row>
    <row r="491" spans="1:7" ht="18.75" x14ac:dyDescent="0.3">
      <c r="A491" s="159">
        <v>449</v>
      </c>
      <c r="B491" s="160" t="s">
        <v>578</v>
      </c>
      <c r="C491" s="158" t="s">
        <v>148</v>
      </c>
      <c r="D491" s="125" t="s">
        <v>576</v>
      </c>
      <c r="E491" s="158" t="s">
        <v>576</v>
      </c>
      <c r="F491" s="158" t="s">
        <v>892</v>
      </c>
      <c r="G491" s="158" t="s">
        <v>577</v>
      </c>
    </row>
    <row r="492" spans="1:7" ht="18.75" x14ac:dyDescent="0.3">
      <c r="A492" s="159">
        <v>450</v>
      </c>
      <c r="B492" s="160" t="str">
        <f>[2]Sheet1!C27</f>
        <v xml:space="preserve">James Muldowney </v>
      </c>
      <c r="C492" s="158" t="str">
        <f>[2]Sheet1!D27</f>
        <v>Sergeant</v>
      </c>
      <c r="D492" s="125" t="s">
        <v>576</v>
      </c>
      <c r="E492" s="158" t="str">
        <f>E490</f>
        <v>Roscommon</v>
      </c>
      <c r="F492" s="158" t="str">
        <f>F490</f>
        <v>Mayo/Roscommon/Longford</v>
      </c>
      <c r="G492" s="158" t="s">
        <v>577</v>
      </c>
    </row>
    <row r="493" spans="1:7" ht="18.75" x14ac:dyDescent="0.3">
      <c r="A493" s="128">
        <v>451</v>
      </c>
      <c r="B493" s="144" t="s">
        <v>570</v>
      </c>
      <c r="C493" s="122" t="s">
        <v>147</v>
      </c>
      <c r="D493" s="145" t="s">
        <v>238</v>
      </c>
      <c r="E493" s="122" t="s">
        <v>238</v>
      </c>
      <c r="F493" s="122" t="s">
        <v>892</v>
      </c>
      <c r="G493" s="122" t="s">
        <v>364</v>
      </c>
    </row>
    <row r="494" spans="1:7" ht="18.75" x14ac:dyDescent="0.3">
      <c r="A494" s="128">
        <v>452</v>
      </c>
      <c r="B494" s="123" t="s">
        <v>574</v>
      </c>
      <c r="C494" s="27" t="s">
        <v>147</v>
      </c>
      <c r="D494" s="145" t="s">
        <v>238</v>
      </c>
      <c r="E494" s="145" t="s">
        <v>238</v>
      </c>
      <c r="F494" s="27" t="s">
        <v>892</v>
      </c>
      <c r="G494" s="122" t="s">
        <v>364</v>
      </c>
    </row>
    <row r="495" spans="1:7" ht="18.75" x14ac:dyDescent="0.3">
      <c r="A495" s="128">
        <v>453</v>
      </c>
      <c r="B495" s="144" t="s">
        <v>571</v>
      </c>
      <c r="C495" s="27" t="str">
        <f>$C$444</f>
        <v>Garda</v>
      </c>
      <c r="D495" s="28" t="s">
        <v>238</v>
      </c>
      <c r="E495" s="28" t="s">
        <v>238</v>
      </c>
      <c r="F495" s="27" t="s">
        <v>892</v>
      </c>
      <c r="G495" s="27" t="s">
        <v>364</v>
      </c>
    </row>
    <row r="496" spans="1:7" ht="18.75" x14ac:dyDescent="0.3">
      <c r="A496" s="128">
        <v>454</v>
      </c>
      <c r="B496" s="123" t="s">
        <v>572</v>
      </c>
      <c r="C496" s="27" t="str">
        <f>$C$441</f>
        <v xml:space="preserve">Garda </v>
      </c>
      <c r="D496" s="28" t="s">
        <v>238</v>
      </c>
      <c r="E496" s="28" t="s">
        <v>238</v>
      </c>
      <c r="F496" s="27" t="s">
        <v>892</v>
      </c>
      <c r="G496" s="27" t="s">
        <v>364</v>
      </c>
    </row>
    <row r="497" spans="1:7" ht="18.75" x14ac:dyDescent="0.3">
      <c r="A497" s="128">
        <v>455</v>
      </c>
      <c r="B497" s="144" t="s">
        <v>573</v>
      </c>
      <c r="C497" s="27" t="s">
        <v>148</v>
      </c>
      <c r="D497" s="28" t="s">
        <v>238</v>
      </c>
      <c r="E497" s="28" t="s">
        <v>238</v>
      </c>
      <c r="F497" s="27" t="s">
        <v>892</v>
      </c>
      <c r="G497" s="27" t="s">
        <v>364</v>
      </c>
    </row>
    <row r="498" spans="1:7" ht="18.75" x14ac:dyDescent="0.3">
      <c r="A498" s="128">
        <v>456</v>
      </c>
      <c r="B498" s="123" t="s">
        <v>110</v>
      </c>
      <c r="C498" s="27" t="s">
        <v>148</v>
      </c>
      <c r="D498" s="28" t="s">
        <v>239</v>
      </c>
      <c r="E498" s="27" t="s">
        <v>238</v>
      </c>
      <c r="F498" s="27" t="s">
        <v>892</v>
      </c>
      <c r="G498" s="27" t="s">
        <v>365</v>
      </c>
    </row>
    <row r="499" spans="1:7" ht="19.5" thickBot="1" x14ac:dyDescent="0.35">
      <c r="A499" s="129">
        <v>457</v>
      </c>
      <c r="B499" s="124" t="s">
        <v>112</v>
      </c>
      <c r="C499" s="104" t="s">
        <v>148</v>
      </c>
      <c r="D499" s="126" t="s">
        <v>240</v>
      </c>
      <c r="E499" s="104" t="s">
        <v>240</v>
      </c>
      <c r="F499" s="104" t="s">
        <v>892</v>
      </c>
      <c r="G499" s="104" t="s">
        <v>366</v>
      </c>
    </row>
    <row r="500" spans="1:7" ht="24" thickBot="1" x14ac:dyDescent="0.3">
      <c r="A500" s="221" t="s">
        <v>663</v>
      </c>
      <c r="B500" s="222"/>
      <c r="C500" s="222"/>
      <c r="D500" s="222"/>
      <c r="E500" s="222"/>
      <c r="F500" s="222"/>
      <c r="G500" s="223"/>
    </row>
    <row r="501" spans="1:7" ht="19.5" thickBot="1" x14ac:dyDescent="0.3">
      <c r="A501" s="8" t="s">
        <v>392</v>
      </c>
      <c r="B501" s="8" t="s">
        <v>0</v>
      </c>
      <c r="C501" s="8" t="s">
        <v>146</v>
      </c>
      <c r="D501" s="8" t="s">
        <v>151</v>
      </c>
      <c r="E501" s="8" t="s">
        <v>264</v>
      </c>
      <c r="F501" s="8" t="s">
        <v>272</v>
      </c>
      <c r="G501" s="8" t="s">
        <v>282</v>
      </c>
    </row>
    <row r="502" spans="1:7" ht="18.75" x14ac:dyDescent="0.3">
      <c r="A502" s="10">
        <v>458</v>
      </c>
      <c r="B502" s="219" t="s">
        <v>362</v>
      </c>
      <c r="C502" s="180" t="s">
        <v>148</v>
      </c>
      <c r="D502" s="180" t="s">
        <v>236</v>
      </c>
      <c r="E502" s="12" t="str">
        <f>$D$502</f>
        <v>Navan</v>
      </c>
      <c r="F502" s="12" t="s">
        <v>664</v>
      </c>
      <c r="G502" s="12" t="s">
        <v>853</v>
      </c>
    </row>
    <row r="503" spans="1:7" ht="18.75" x14ac:dyDescent="0.3">
      <c r="A503" s="153">
        <v>459</v>
      </c>
      <c r="B503" s="173" t="s">
        <v>563</v>
      </c>
      <c r="C503" s="105" t="str">
        <f>$C$452</f>
        <v>Garda</v>
      </c>
      <c r="D503" s="105" t="s">
        <v>236</v>
      </c>
      <c r="E503" s="11" t="str">
        <f>$D$502</f>
        <v>Navan</v>
      </c>
      <c r="F503" s="11" t="s">
        <v>664</v>
      </c>
      <c r="G503" s="11" t="s">
        <v>853</v>
      </c>
    </row>
    <row r="504" spans="1:7" ht="18.75" x14ac:dyDescent="0.3">
      <c r="A504" s="13">
        <v>460</v>
      </c>
      <c r="B504" s="174" t="s">
        <v>107</v>
      </c>
      <c r="C504" s="11" t="s">
        <v>148</v>
      </c>
      <c r="D504" s="106" t="s">
        <v>236</v>
      </c>
      <c r="E504" s="11" t="s">
        <v>236</v>
      </c>
      <c r="F504" s="11" t="s">
        <v>664</v>
      </c>
      <c r="G504" s="11" t="s">
        <v>853</v>
      </c>
    </row>
    <row r="505" spans="1:7" ht="18.75" x14ac:dyDescent="0.3">
      <c r="A505" s="153">
        <v>461</v>
      </c>
      <c r="B505" s="173" t="s">
        <v>564</v>
      </c>
      <c r="C505" s="105" t="s">
        <v>148</v>
      </c>
      <c r="D505" s="105" t="s">
        <v>236</v>
      </c>
      <c r="E505" s="11" t="str">
        <f>$D$502</f>
        <v>Navan</v>
      </c>
      <c r="F505" s="11" t="s">
        <v>664</v>
      </c>
      <c r="G505" s="11" t="s">
        <v>853</v>
      </c>
    </row>
    <row r="506" spans="1:7" ht="18.75" x14ac:dyDescent="0.3">
      <c r="A506" s="13">
        <v>462</v>
      </c>
      <c r="B506" s="173" t="s">
        <v>108</v>
      </c>
      <c r="C506" s="11" t="s">
        <v>148</v>
      </c>
      <c r="D506" s="105" t="s">
        <v>903</v>
      </c>
      <c r="E506" s="11" t="s">
        <v>236</v>
      </c>
      <c r="F506" s="11" t="s">
        <v>664</v>
      </c>
      <c r="G506" s="161" t="s">
        <v>853</v>
      </c>
    </row>
    <row r="507" spans="1:7" ht="18.75" x14ac:dyDescent="0.3">
      <c r="A507" s="153">
        <v>463</v>
      </c>
      <c r="B507" s="173" t="s">
        <v>565</v>
      </c>
      <c r="C507" s="11" t="s">
        <v>150</v>
      </c>
      <c r="D507" s="105" t="s">
        <v>566</v>
      </c>
      <c r="E507" s="11" t="s">
        <v>566</v>
      </c>
      <c r="F507" s="11" t="s">
        <v>664</v>
      </c>
      <c r="G507" s="11" t="s">
        <v>567</v>
      </c>
    </row>
    <row r="508" spans="1:7" ht="18.75" x14ac:dyDescent="0.3">
      <c r="A508" s="13">
        <v>464</v>
      </c>
      <c r="B508" s="173" t="s">
        <v>561</v>
      </c>
      <c r="C508" s="11" t="str">
        <f>$C$461</f>
        <v>Garda</v>
      </c>
      <c r="D508" s="105" t="s">
        <v>566</v>
      </c>
      <c r="E508" s="11" t="s">
        <v>566</v>
      </c>
      <c r="F508" s="11" t="s">
        <v>664</v>
      </c>
      <c r="G508" s="11" t="str">
        <f>$G$507</f>
        <v>(046) 9280820</v>
      </c>
    </row>
    <row r="509" spans="1:7" ht="18.75" x14ac:dyDescent="0.3">
      <c r="A509" s="153">
        <v>465</v>
      </c>
      <c r="B509" s="173" t="s">
        <v>568</v>
      </c>
      <c r="C509" s="11" t="str">
        <f>$C$463</f>
        <v>Garda</v>
      </c>
      <c r="D509" s="105" t="s">
        <v>852</v>
      </c>
      <c r="E509" s="11" t="str">
        <f>$E$507</f>
        <v>Kells</v>
      </c>
      <c r="F509" s="11" t="s">
        <v>664</v>
      </c>
      <c r="G509" s="11" t="s">
        <v>853</v>
      </c>
    </row>
    <row r="510" spans="1:7" ht="18.75" x14ac:dyDescent="0.3">
      <c r="A510" s="13">
        <v>466</v>
      </c>
      <c r="B510" s="173" t="s">
        <v>560</v>
      </c>
      <c r="C510" s="11" t="str">
        <f>$C$457</f>
        <v>Garda</v>
      </c>
      <c r="D510" s="105" t="s">
        <v>844</v>
      </c>
      <c r="E510" s="208" t="s">
        <v>235</v>
      </c>
      <c r="F510" s="11" t="s">
        <v>664</v>
      </c>
      <c r="G510" s="11" t="s">
        <v>861</v>
      </c>
    </row>
    <row r="511" spans="1:7" ht="18.75" x14ac:dyDescent="0.3">
      <c r="A511" s="153">
        <v>467</v>
      </c>
      <c r="B511" s="173" t="s">
        <v>562</v>
      </c>
      <c r="C511" s="11" t="str">
        <f>$C$462</f>
        <v>Garda</v>
      </c>
      <c r="D511" s="105" t="s">
        <v>859</v>
      </c>
      <c r="E511" s="11" t="s">
        <v>235</v>
      </c>
      <c r="F511" s="11" t="s">
        <v>664</v>
      </c>
      <c r="G511" s="11" t="s">
        <v>860</v>
      </c>
    </row>
    <row r="512" spans="1:7" ht="18.75" x14ac:dyDescent="0.3">
      <c r="A512" s="13">
        <v>468</v>
      </c>
      <c r="B512" s="175" t="s">
        <v>504</v>
      </c>
      <c r="C512" s="161" t="s">
        <v>147</v>
      </c>
      <c r="D512" s="108" t="s">
        <v>237</v>
      </c>
      <c r="E512" s="107" t="s">
        <v>269</v>
      </c>
      <c r="F512" s="11" t="s">
        <v>664</v>
      </c>
      <c r="G512" s="108" t="s">
        <v>363</v>
      </c>
    </row>
    <row r="513" spans="1:7" ht="18.75" x14ac:dyDescent="0.3">
      <c r="A513" s="153">
        <v>469</v>
      </c>
      <c r="B513" s="176" t="s">
        <v>109</v>
      </c>
      <c r="C513" s="108" t="s">
        <v>148</v>
      </c>
      <c r="D513" s="108" t="s">
        <v>237</v>
      </c>
      <c r="E513" s="107" t="s">
        <v>269</v>
      </c>
      <c r="F513" s="11" t="s">
        <v>664</v>
      </c>
      <c r="G513" s="108" t="s">
        <v>363</v>
      </c>
    </row>
    <row r="514" spans="1:7" ht="19.5" customHeight="1" x14ac:dyDescent="0.3">
      <c r="A514" s="13">
        <v>470</v>
      </c>
      <c r="B514" s="176" t="s">
        <v>569</v>
      </c>
      <c r="C514" s="108" t="str">
        <f>$C$446</f>
        <v>Garda</v>
      </c>
      <c r="D514" s="108" t="s">
        <v>237</v>
      </c>
      <c r="E514" s="107" t="s">
        <v>269</v>
      </c>
      <c r="F514" s="11" t="s">
        <v>664</v>
      </c>
      <c r="G514" s="105" t="s">
        <v>363</v>
      </c>
    </row>
    <row r="515" spans="1:7" ht="18.75" x14ac:dyDescent="0.3">
      <c r="A515" s="109">
        <v>471</v>
      </c>
      <c r="B515" s="177" t="s">
        <v>583</v>
      </c>
      <c r="C515" s="110" t="s">
        <v>147</v>
      </c>
      <c r="D515" s="111" t="s">
        <v>256</v>
      </c>
      <c r="E515" s="110" t="s">
        <v>256</v>
      </c>
      <c r="F515" s="110" t="s">
        <v>1018</v>
      </c>
      <c r="G515" s="110" t="s">
        <v>381</v>
      </c>
    </row>
    <row r="516" spans="1:7" ht="18.75" x14ac:dyDescent="0.3">
      <c r="A516" s="109">
        <v>472</v>
      </c>
      <c r="B516" s="177" t="s">
        <v>584</v>
      </c>
      <c r="C516" s="110" t="s">
        <v>148</v>
      </c>
      <c r="D516" s="136" t="s">
        <v>256</v>
      </c>
      <c r="E516" s="110" t="s">
        <v>256</v>
      </c>
      <c r="F516" s="110" t="s">
        <v>1018</v>
      </c>
      <c r="G516" s="110" t="s">
        <v>381</v>
      </c>
    </row>
    <row r="517" spans="1:7" ht="18.75" x14ac:dyDescent="0.3">
      <c r="A517" s="109">
        <v>473</v>
      </c>
      <c r="B517" s="177" t="s">
        <v>585</v>
      </c>
      <c r="C517" s="110" t="s">
        <v>148</v>
      </c>
      <c r="D517" s="136" t="s">
        <v>256</v>
      </c>
      <c r="E517" s="110" t="s">
        <v>256</v>
      </c>
      <c r="F517" s="110" t="s">
        <v>1018</v>
      </c>
      <c r="G517" s="110" t="s">
        <v>381</v>
      </c>
    </row>
    <row r="518" spans="1:7" ht="18.75" x14ac:dyDescent="0.3">
      <c r="A518" s="109">
        <v>474</v>
      </c>
      <c r="B518" s="177" t="s">
        <v>134</v>
      </c>
      <c r="C518" s="110" t="s">
        <v>149</v>
      </c>
      <c r="D518" s="111" t="s">
        <v>256</v>
      </c>
      <c r="E518" s="110" t="s">
        <v>256</v>
      </c>
      <c r="F518" s="110" t="s">
        <v>1018</v>
      </c>
      <c r="G518" s="110" t="s">
        <v>381</v>
      </c>
    </row>
    <row r="519" spans="1:7" ht="19.5" thickBot="1" x14ac:dyDescent="0.35">
      <c r="A519" s="130">
        <v>475</v>
      </c>
      <c r="B519" s="178" t="s">
        <v>133</v>
      </c>
      <c r="C519" s="133" t="s">
        <v>148</v>
      </c>
      <c r="D519" s="132" t="s">
        <v>255</v>
      </c>
      <c r="E519" s="133" t="s">
        <v>255</v>
      </c>
      <c r="F519" s="133" t="s">
        <v>1018</v>
      </c>
      <c r="G519" s="133" t="s">
        <v>380</v>
      </c>
    </row>
    <row r="520" spans="1:7" ht="24" thickBot="1" x14ac:dyDescent="0.3">
      <c r="A520" s="221" t="s">
        <v>908</v>
      </c>
      <c r="B520" s="222"/>
      <c r="C520" s="222"/>
      <c r="D520" s="222"/>
      <c r="E520" s="222"/>
      <c r="F520" s="222"/>
      <c r="G520" s="223"/>
    </row>
    <row r="521" spans="1:7" ht="19.5" thickBot="1" x14ac:dyDescent="0.3">
      <c r="A521" s="8" t="s">
        <v>392</v>
      </c>
      <c r="B521" s="8" t="s">
        <v>0</v>
      </c>
      <c r="C521" s="8" t="s">
        <v>146</v>
      </c>
      <c r="D521" s="8" t="s">
        <v>151</v>
      </c>
      <c r="E521" s="8" t="s">
        <v>264</v>
      </c>
      <c r="F521" s="8" t="s">
        <v>272</v>
      </c>
      <c r="G521" s="8" t="s">
        <v>282</v>
      </c>
    </row>
    <row r="522" spans="1:7" ht="18.75" x14ac:dyDescent="0.3">
      <c r="A522" s="209">
        <v>476</v>
      </c>
      <c r="B522" s="220" t="s">
        <v>466</v>
      </c>
      <c r="C522" s="210" t="s">
        <v>147</v>
      </c>
      <c r="D522" s="211" t="s">
        <v>245</v>
      </c>
      <c r="E522" s="210" t="s">
        <v>245</v>
      </c>
      <c r="F522" s="210" t="s">
        <v>827</v>
      </c>
      <c r="G522" s="210" t="s">
        <v>372</v>
      </c>
    </row>
    <row r="523" spans="1:7" ht="18.75" x14ac:dyDescent="0.3">
      <c r="A523" s="131">
        <v>477</v>
      </c>
      <c r="B523" s="115" t="s">
        <v>981</v>
      </c>
      <c r="C523" s="114" t="s">
        <v>147</v>
      </c>
      <c r="D523" s="116" t="s">
        <v>245</v>
      </c>
      <c r="E523" s="114" t="s">
        <v>245</v>
      </c>
      <c r="F523" s="114" t="s">
        <v>827</v>
      </c>
      <c r="G523" s="114" t="s">
        <v>372</v>
      </c>
    </row>
    <row r="524" spans="1:7" ht="18.75" x14ac:dyDescent="0.3">
      <c r="A524" s="131">
        <v>478</v>
      </c>
      <c r="B524" s="115" t="s">
        <v>464</v>
      </c>
      <c r="C524" s="114" t="s">
        <v>147</v>
      </c>
      <c r="D524" s="116" t="s">
        <v>245</v>
      </c>
      <c r="E524" s="114" t="s">
        <v>245</v>
      </c>
      <c r="F524" s="114" t="s">
        <v>827</v>
      </c>
      <c r="G524" s="114" t="s">
        <v>372</v>
      </c>
    </row>
    <row r="525" spans="1:7" ht="18.75" x14ac:dyDescent="0.3">
      <c r="A525" s="131">
        <v>479</v>
      </c>
      <c r="B525" s="115" t="s">
        <v>982</v>
      </c>
      <c r="C525" s="114" t="s">
        <v>147</v>
      </c>
      <c r="D525" s="116" t="s">
        <v>245</v>
      </c>
      <c r="E525" s="114" t="s">
        <v>245</v>
      </c>
      <c r="F525" s="114" t="s">
        <v>827</v>
      </c>
      <c r="G525" s="114" t="s">
        <v>372</v>
      </c>
    </row>
    <row r="526" spans="1:7" ht="18.75" x14ac:dyDescent="0.3">
      <c r="A526" s="131">
        <v>480</v>
      </c>
      <c r="B526" s="115" t="s">
        <v>470</v>
      </c>
      <c r="C526" s="114" t="s">
        <v>703</v>
      </c>
      <c r="D526" s="116" t="s">
        <v>245</v>
      </c>
      <c r="E526" s="114" t="s">
        <v>245</v>
      </c>
      <c r="F526" s="114" t="s">
        <v>827</v>
      </c>
      <c r="G526" s="114" t="s">
        <v>372</v>
      </c>
    </row>
    <row r="527" spans="1:7" ht="18.75" x14ac:dyDescent="0.3">
      <c r="A527" s="131">
        <v>481</v>
      </c>
      <c r="B527" s="115" t="s">
        <v>983</v>
      </c>
      <c r="C527" s="114" t="s">
        <v>703</v>
      </c>
      <c r="D527" s="116" t="s">
        <v>245</v>
      </c>
      <c r="E527" s="114" t="s">
        <v>245</v>
      </c>
      <c r="F527" s="114" t="s">
        <v>827</v>
      </c>
      <c r="G527" s="114" t="s">
        <v>372</v>
      </c>
    </row>
    <row r="528" spans="1:7" ht="21.75" customHeight="1" x14ac:dyDescent="0.3">
      <c r="A528" s="131">
        <v>482</v>
      </c>
      <c r="B528" s="115" t="s">
        <v>118</v>
      </c>
      <c r="C528" s="114" t="s">
        <v>148</v>
      </c>
      <c r="D528" s="116" t="s">
        <v>245</v>
      </c>
      <c r="E528" s="114" t="s">
        <v>245</v>
      </c>
      <c r="F528" s="114" t="s">
        <v>827</v>
      </c>
      <c r="G528" s="114" t="s">
        <v>372</v>
      </c>
    </row>
    <row r="529" spans="1:7" ht="18.75" x14ac:dyDescent="0.3">
      <c r="A529" s="131">
        <v>483</v>
      </c>
      <c r="B529" s="115" t="s">
        <v>469</v>
      </c>
      <c r="C529" s="114" t="s">
        <v>148</v>
      </c>
      <c r="D529" s="116" t="s">
        <v>245</v>
      </c>
      <c r="E529" s="114" t="s">
        <v>245</v>
      </c>
      <c r="F529" s="114" t="s">
        <v>827</v>
      </c>
      <c r="G529" s="114" t="s">
        <v>372</v>
      </c>
    </row>
    <row r="530" spans="1:7" ht="18.75" x14ac:dyDescent="0.3">
      <c r="A530" s="131">
        <v>484</v>
      </c>
      <c r="B530" s="115" t="s">
        <v>467</v>
      </c>
      <c r="C530" s="114" t="s">
        <v>148</v>
      </c>
      <c r="D530" s="116" t="s">
        <v>245</v>
      </c>
      <c r="E530" s="114" t="s">
        <v>245</v>
      </c>
      <c r="F530" s="114" t="s">
        <v>827</v>
      </c>
      <c r="G530" s="114" t="s">
        <v>372</v>
      </c>
    </row>
    <row r="531" spans="1:7" ht="18.75" x14ac:dyDescent="0.3">
      <c r="A531" s="131">
        <v>485</v>
      </c>
      <c r="B531" s="115" t="s">
        <v>474</v>
      </c>
      <c r="C531" s="114" t="s">
        <v>148</v>
      </c>
      <c r="D531" s="116" t="s">
        <v>245</v>
      </c>
      <c r="E531" s="114" t="s">
        <v>245</v>
      </c>
      <c r="F531" s="114" t="s">
        <v>827</v>
      </c>
      <c r="G531" s="114" t="s">
        <v>372</v>
      </c>
    </row>
    <row r="532" spans="1:7" ht="18.75" x14ac:dyDescent="0.3">
      <c r="A532" s="131">
        <v>486</v>
      </c>
      <c r="B532" s="115" t="s">
        <v>473</v>
      </c>
      <c r="C532" s="114" t="s">
        <v>148</v>
      </c>
      <c r="D532" s="116" t="s">
        <v>245</v>
      </c>
      <c r="E532" s="114" t="s">
        <v>245</v>
      </c>
      <c r="F532" s="114" t="s">
        <v>827</v>
      </c>
      <c r="G532" s="114" t="s">
        <v>372</v>
      </c>
    </row>
    <row r="533" spans="1:7" ht="18.75" x14ac:dyDescent="0.3">
      <c r="A533" s="131">
        <v>487</v>
      </c>
      <c r="B533" s="115" t="s">
        <v>472</v>
      </c>
      <c r="C533" s="114" t="s">
        <v>148</v>
      </c>
      <c r="D533" s="116" t="s">
        <v>245</v>
      </c>
      <c r="E533" s="114" t="s">
        <v>245</v>
      </c>
      <c r="F533" s="114" t="s">
        <v>827</v>
      </c>
      <c r="G533" s="114" t="s">
        <v>372</v>
      </c>
    </row>
    <row r="534" spans="1:7" ht="18.75" x14ac:dyDescent="0.3">
      <c r="A534" s="131">
        <v>488</v>
      </c>
      <c r="B534" s="115" t="s">
        <v>476</v>
      </c>
      <c r="C534" s="114" t="s">
        <v>148</v>
      </c>
      <c r="D534" s="116" t="s">
        <v>245</v>
      </c>
      <c r="E534" s="114" t="s">
        <v>245</v>
      </c>
      <c r="F534" s="114" t="s">
        <v>827</v>
      </c>
      <c r="G534" s="114" t="s">
        <v>372</v>
      </c>
    </row>
    <row r="535" spans="1:7" ht="18.75" x14ac:dyDescent="0.3">
      <c r="A535" s="131">
        <v>489</v>
      </c>
      <c r="B535" s="115" t="s">
        <v>119</v>
      </c>
      <c r="C535" s="114" t="s">
        <v>148</v>
      </c>
      <c r="D535" s="116" t="s">
        <v>245</v>
      </c>
      <c r="E535" s="114" t="s">
        <v>245</v>
      </c>
      <c r="F535" s="114" t="s">
        <v>827</v>
      </c>
      <c r="G535" s="114" t="s">
        <v>372</v>
      </c>
    </row>
    <row r="536" spans="1:7" ht="18.75" x14ac:dyDescent="0.3">
      <c r="A536" s="131">
        <v>490</v>
      </c>
      <c r="B536" s="115" t="s">
        <v>121</v>
      </c>
      <c r="C536" s="114" t="s">
        <v>148</v>
      </c>
      <c r="D536" s="137" t="s">
        <v>245</v>
      </c>
      <c r="E536" s="114" t="s">
        <v>245</v>
      </c>
      <c r="F536" s="114" t="s">
        <v>827</v>
      </c>
      <c r="G536" s="114" t="s">
        <v>372</v>
      </c>
    </row>
    <row r="537" spans="1:7" ht="18.75" x14ac:dyDescent="0.3">
      <c r="A537" s="131">
        <v>491</v>
      </c>
      <c r="B537" s="115" t="s">
        <v>480</v>
      </c>
      <c r="C537" s="114" t="s">
        <v>147</v>
      </c>
      <c r="D537" s="137" t="s">
        <v>478</v>
      </c>
      <c r="E537" s="114" t="s">
        <v>245</v>
      </c>
      <c r="F537" s="114" t="s">
        <v>827</v>
      </c>
      <c r="G537" s="114" t="s">
        <v>479</v>
      </c>
    </row>
    <row r="538" spans="1:7" ht="18.75" x14ac:dyDescent="0.3">
      <c r="A538" s="131">
        <v>492</v>
      </c>
      <c r="B538" s="113" t="s">
        <v>115</v>
      </c>
      <c r="C538" s="138" t="s">
        <v>148</v>
      </c>
      <c r="D538" s="137" t="s">
        <v>478</v>
      </c>
      <c r="E538" s="138" t="s">
        <v>245</v>
      </c>
      <c r="F538" s="138" t="s">
        <v>827</v>
      </c>
      <c r="G538" s="138" t="s">
        <v>479</v>
      </c>
    </row>
    <row r="539" spans="1:7" ht="18.75" x14ac:dyDescent="0.3">
      <c r="A539" s="131">
        <v>493</v>
      </c>
      <c r="B539" s="115" t="s">
        <v>475</v>
      </c>
      <c r="C539" s="114" t="s">
        <v>148</v>
      </c>
      <c r="D539" s="116" t="s">
        <v>478</v>
      </c>
      <c r="E539" s="114" t="s">
        <v>245</v>
      </c>
      <c r="F539" s="114" t="s">
        <v>827</v>
      </c>
      <c r="G539" s="114" t="s">
        <v>479</v>
      </c>
    </row>
    <row r="540" spans="1:7" ht="18.75" x14ac:dyDescent="0.3">
      <c r="A540" s="131">
        <v>494</v>
      </c>
      <c r="B540" s="115" t="s">
        <v>468</v>
      </c>
      <c r="C540" s="114" t="s">
        <v>148</v>
      </c>
      <c r="D540" s="116" t="s">
        <v>243</v>
      </c>
      <c r="E540" s="114" t="s">
        <v>243</v>
      </c>
      <c r="F540" s="114" t="s">
        <v>827</v>
      </c>
      <c r="G540" s="114" t="s">
        <v>369</v>
      </c>
    </row>
    <row r="541" spans="1:7" ht="18.75" x14ac:dyDescent="0.3">
      <c r="A541" s="131">
        <v>495</v>
      </c>
      <c r="B541" s="115" t="s">
        <v>477</v>
      </c>
      <c r="C541" s="114" t="s">
        <v>148</v>
      </c>
      <c r="D541" s="116" t="s">
        <v>243</v>
      </c>
      <c r="E541" s="114" t="s">
        <v>243</v>
      </c>
      <c r="F541" s="114" t="s">
        <v>827</v>
      </c>
      <c r="G541" s="114" t="s">
        <v>369</v>
      </c>
    </row>
    <row r="542" spans="1:7" ht="18.75" x14ac:dyDescent="0.3">
      <c r="A542" s="131">
        <v>496</v>
      </c>
      <c r="B542" s="115" t="s">
        <v>114</v>
      </c>
      <c r="C542" s="114" t="s">
        <v>148</v>
      </c>
      <c r="D542" s="137" t="s">
        <v>243</v>
      </c>
      <c r="E542" s="138" t="s">
        <v>243</v>
      </c>
      <c r="F542" s="114" t="s">
        <v>827</v>
      </c>
      <c r="G542" s="114" t="s">
        <v>369</v>
      </c>
    </row>
    <row r="543" spans="1:7" ht="18.75" x14ac:dyDescent="0.3">
      <c r="A543" s="88">
        <v>497</v>
      </c>
      <c r="B543" s="85" t="s">
        <v>481</v>
      </c>
      <c r="C543" s="86" t="s">
        <v>147</v>
      </c>
      <c r="D543" s="117" t="s">
        <v>368</v>
      </c>
      <c r="E543" s="86" t="s">
        <v>270</v>
      </c>
      <c r="F543" s="86" t="s">
        <v>827</v>
      </c>
      <c r="G543" s="86" t="s">
        <v>370</v>
      </c>
    </row>
    <row r="544" spans="1:7" ht="18.75" x14ac:dyDescent="0.3">
      <c r="A544" s="88">
        <v>498</v>
      </c>
      <c r="B544" s="85" t="s">
        <v>465</v>
      </c>
      <c r="C544" s="86" t="s">
        <v>147</v>
      </c>
      <c r="D544" s="117" t="s">
        <v>368</v>
      </c>
      <c r="E544" s="86" t="s">
        <v>270</v>
      </c>
      <c r="F544" s="86" t="s">
        <v>827</v>
      </c>
      <c r="G544" s="86" t="s">
        <v>370</v>
      </c>
    </row>
    <row r="545" spans="1:7" ht="18.75" x14ac:dyDescent="0.3">
      <c r="A545" s="88">
        <v>499</v>
      </c>
      <c r="B545" s="85" t="s">
        <v>486</v>
      </c>
      <c r="C545" s="86" t="s">
        <v>148</v>
      </c>
      <c r="D545" s="117" t="s">
        <v>368</v>
      </c>
      <c r="E545" s="86" t="s">
        <v>270</v>
      </c>
      <c r="F545" s="86" t="s">
        <v>827</v>
      </c>
      <c r="G545" s="86" t="s">
        <v>370</v>
      </c>
    </row>
    <row r="546" spans="1:7" ht="18.75" x14ac:dyDescent="0.3">
      <c r="A546" s="88">
        <v>500</v>
      </c>
      <c r="B546" s="85" t="s">
        <v>487</v>
      </c>
      <c r="C546" s="86" t="s">
        <v>148</v>
      </c>
      <c r="D546" s="117" t="s">
        <v>368</v>
      </c>
      <c r="E546" s="86" t="s">
        <v>270</v>
      </c>
      <c r="F546" s="86" t="s">
        <v>827</v>
      </c>
      <c r="G546" s="86" t="s">
        <v>370</v>
      </c>
    </row>
    <row r="547" spans="1:7" ht="19.5" customHeight="1" x14ac:dyDescent="0.3">
      <c r="A547" s="88">
        <v>501</v>
      </c>
      <c r="B547" s="85" t="s">
        <v>488</v>
      </c>
      <c r="C547" s="86" t="s">
        <v>148</v>
      </c>
      <c r="D547" s="117" t="s">
        <v>368</v>
      </c>
      <c r="E547" s="86" t="s">
        <v>270</v>
      </c>
      <c r="F547" s="86" t="s">
        <v>827</v>
      </c>
      <c r="G547" s="86" t="s">
        <v>370</v>
      </c>
    </row>
    <row r="548" spans="1:7" ht="18.75" x14ac:dyDescent="0.3">
      <c r="A548" s="88">
        <v>502</v>
      </c>
      <c r="B548" s="85" t="s">
        <v>116</v>
      </c>
      <c r="C548" s="86" t="s">
        <v>148</v>
      </c>
      <c r="D548" s="117" t="s">
        <v>368</v>
      </c>
      <c r="E548" s="86" t="s">
        <v>270</v>
      </c>
      <c r="F548" s="86" t="s">
        <v>827</v>
      </c>
      <c r="G548" s="86" t="s">
        <v>370</v>
      </c>
    </row>
    <row r="549" spans="1:7" ht="18.75" x14ac:dyDescent="0.3">
      <c r="A549" s="88">
        <v>503</v>
      </c>
      <c r="B549" s="85" t="s">
        <v>483</v>
      </c>
      <c r="C549" s="86" t="s">
        <v>147</v>
      </c>
      <c r="D549" s="117" t="s">
        <v>244</v>
      </c>
      <c r="E549" s="86" t="s">
        <v>270</v>
      </c>
      <c r="F549" s="86" t="s">
        <v>827</v>
      </c>
      <c r="G549" s="86" t="s">
        <v>371</v>
      </c>
    </row>
    <row r="550" spans="1:7" ht="18.75" x14ac:dyDescent="0.3">
      <c r="A550" s="88">
        <v>504</v>
      </c>
      <c r="B550" s="85" t="s">
        <v>482</v>
      </c>
      <c r="C550" s="86" t="s">
        <v>147</v>
      </c>
      <c r="D550" s="117" t="s">
        <v>244</v>
      </c>
      <c r="E550" s="86" t="s">
        <v>270</v>
      </c>
      <c r="F550" s="86" t="s">
        <v>827</v>
      </c>
      <c r="G550" s="86" t="s">
        <v>371</v>
      </c>
    </row>
    <row r="551" spans="1:7" ht="18.75" x14ac:dyDescent="0.3">
      <c r="A551" s="88">
        <v>505</v>
      </c>
      <c r="B551" s="85" t="s">
        <v>389</v>
      </c>
      <c r="C551" s="86" t="s">
        <v>148</v>
      </c>
      <c r="D551" s="117" t="s">
        <v>244</v>
      </c>
      <c r="E551" s="86" t="s">
        <v>270</v>
      </c>
      <c r="F551" s="86" t="s">
        <v>827</v>
      </c>
      <c r="G551" s="86" t="s">
        <v>371</v>
      </c>
    </row>
    <row r="552" spans="1:7" ht="18.75" x14ac:dyDescent="0.3">
      <c r="A552" s="88">
        <v>506</v>
      </c>
      <c r="B552" s="85" t="s">
        <v>117</v>
      </c>
      <c r="C552" s="86" t="s">
        <v>148</v>
      </c>
      <c r="D552" s="117" t="s">
        <v>244</v>
      </c>
      <c r="E552" s="86" t="s">
        <v>270</v>
      </c>
      <c r="F552" s="86" t="s">
        <v>827</v>
      </c>
      <c r="G552" s="86" t="s">
        <v>371</v>
      </c>
    </row>
    <row r="553" spans="1:7" ht="18.75" x14ac:dyDescent="0.3">
      <c r="A553" s="88">
        <v>507</v>
      </c>
      <c r="B553" s="85" t="s">
        <v>122</v>
      </c>
      <c r="C553" s="86" t="s">
        <v>147</v>
      </c>
      <c r="D553" s="117" t="s">
        <v>246</v>
      </c>
      <c r="E553" s="86" t="s">
        <v>270</v>
      </c>
      <c r="F553" s="86" t="s">
        <v>827</v>
      </c>
      <c r="G553" s="86" t="s">
        <v>373</v>
      </c>
    </row>
    <row r="554" spans="1:7" ht="18.75" x14ac:dyDescent="0.3">
      <c r="A554" s="88">
        <v>508</v>
      </c>
      <c r="B554" s="85" t="s">
        <v>485</v>
      </c>
      <c r="C554" s="86" t="s">
        <v>148</v>
      </c>
      <c r="D554" s="117" t="s">
        <v>246</v>
      </c>
      <c r="E554" s="86" t="s">
        <v>270</v>
      </c>
      <c r="F554" s="86" t="s">
        <v>827</v>
      </c>
      <c r="G554" s="86" t="s">
        <v>373</v>
      </c>
    </row>
    <row r="555" spans="1:7" ht="19.5" thickBot="1" x14ac:dyDescent="0.35">
      <c r="A555" s="90">
        <v>509</v>
      </c>
      <c r="B555" s="91" t="s">
        <v>484</v>
      </c>
      <c r="C555" s="92" t="s">
        <v>148</v>
      </c>
      <c r="D555" s="118" t="s">
        <v>246</v>
      </c>
      <c r="E555" s="92" t="s">
        <v>270</v>
      </c>
      <c r="F555" s="92" t="s">
        <v>827</v>
      </c>
      <c r="G555" s="92" t="s">
        <v>373</v>
      </c>
    </row>
    <row r="556" spans="1:7" ht="24" thickBot="1" x14ac:dyDescent="0.3">
      <c r="A556" s="221" t="s">
        <v>915</v>
      </c>
      <c r="B556" s="222"/>
      <c r="C556" s="222"/>
      <c r="D556" s="222"/>
      <c r="E556" s="222"/>
      <c r="F556" s="222"/>
      <c r="G556" s="223"/>
    </row>
    <row r="557" spans="1:7" ht="19.5" thickBot="1" x14ac:dyDescent="0.3">
      <c r="A557" s="7" t="s">
        <v>392</v>
      </c>
      <c r="B557" s="8" t="s">
        <v>0</v>
      </c>
      <c r="C557" s="8" t="s">
        <v>146</v>
      </c>
      <c r="D557" s="8" t="s">
        <v>151</v>
      </c>
      <c r="E557" s="8" t="s">
        <v>264</v>
      </c>
      <c r="F557" s="8" t="s">
        <v>272</v>
      </c>
      <c r="G557" s="8" t="s">
        <v>282</v>
      </c>
    </row>
    <row r="558" spans="1:7" ht="18.75" x14ac:dyDescent="0.3">
      <c r="A558" s="93">
        <v>510</v>
      </c>
      <c r="B558" s="59" t="s">
        <v>400</v>
      </c>
      <c r="C558" s="60" t="s">
        <v>147</v>
      </c>
      <c r="D558" s="61" t="s">
        <v>254</v>
      </c>
      <c r="E558" s="60" t="s">
        <v>254</v>
      </c>
      <c r="F558" s="60" t="s">
        <v>1017</v>
      </c>
      <c r="G558" s="60" t="s">
        <v>379</v>
      </c>
    </row>
    <row r="559" spans="1:7" ht="18.75" x14ac:dyDescent="0.3">
      <c r="A559" s="62">
        <v>511</v>
      </c>
      <c r="B559" s="63" t="s">
        <v>401</v>
      </c>
      <c r="C559" s="64" t="s">
        <v>147</v>
      </c>
      <c r="D559" s="65" t="s">
        <v>254</v>
      </c>
      <c r="E559" s="64" t="s">
        <v>254</v>
      </c>
      <c r="F559" s="64" t="str">
        <f t="shared" ref="F559:F571" si="35">$F$558</f>
        <v>Waterford/ Kilkenny</v>
      </c>
      <c r="G559" s="64" t="s">
        <v>379</v>
      </c>
    </row>
    <row r="560" spans="1:7" ht="18.75" x14ac:dyDescent="0.3">
      <c r="A560" s="62">
        <v>512</v>
      </c>
      <c r="B560" s="63" t="s">
        <v>929</v>
      </c>
      <c r="C560" s="64" t="s">
        <v>148</v>
      </c>
      <c r="D560" s="65" t="s">
        <v>254</v>
      </c>
      <c r="E560" s="64" t="s">
        <v>254</v>
      </c>
      <c r="F560" s="64" t="str">
        <f t="shared" si="35"/>
        <v>Waterford/ Kilkenny</v>
      </c>
      <c r="G560" s="64" t="s">
        <v>379</v>
      </c>
    </row>
    <row r="561" spans="1:7" ht="18.75" x14ac:dyDescent="0.3">
      <c r="A561" s="62">
        <v>513</v>
      </c>
      <c r="B561" s="63" t="s">
        <v>930</v>
      </c>
      <c r="C561" s="64" t="s">
        <v>148</v>
      </c>
      <c r="D561" s="65" t="s">
        <v>254</v>
      </c>
      <c r="E561" s="64" t="s">
        <v>254</v>
      </c>
      <c r="F561" s="64" t="str">
        <f t="shared" si="35"/>
        <v>Waterford/ Kilkenny</v>
      </c>
      <c r="G561" s="64" t="s">
        <v>379</v>
      </c>
    </row>
    <row r="562" spans="1:7" ht="18.75" x14ac:dyDescent="0.3">
      <c r="A562" s="62">
        <v>514</v>
      </c>
      <c r="B562" s="63" t="s">
        <v>931</v>
      </c>
      <c r="C562" s="64" t="s">
        <v>148</v>
      </c>
      <c r="D562" s="65" t="s">
        <v>254</v>
      </c>
      <c r="E562" s="64" t="s">
        <v>254</v>
      </c>
      <c r="F562" s="64" t="str">
        <f t="shared" si="35"/>
        <v>Waterford/ Kilkenny</v>
      </c>
      <c r="G562" s="64" t="s">
        <v>379</v>
      </c>
    </row>
    <row r="563" spans="1:7" ht="18.75" x14ac:dyDescent="0.3">
      <c r="A563" s="62">
        <v>515</v>
      </c>
      <c r="B563" s="63" t="s">
        <v>932</v>
      </c>
      <c r="C563" s="64" t="s">
        <v>148</v>
      </c>
      <c r="D563" s="65" t="s">
        <v>254</v>
      </c>
      <c r="E563" s="64" t="s">
        <v>254</v>
      </c>
      <c r="F563" s="64" t="str">
        <f t="shared" si="35"/>
        <v>Waterford/ Kilkenny</v>
      </c>
      <c r="G563" s="64" t="s">
        <v>379</v>
      </c>
    </row>
    <row r="564" spans="1:7" ht="18.75" x14ac:dyDescent="0.3">
      <c r="A564" s="62">
        <v>516</v>
      </c>
      <c r="B564" s="63" t="s">
        <v>933</v>
      </c>
      <c r="C564" s="64" t="s">
        <v>148</v>
      </c>
      <c r="D564" s="65" t="s">
        <v>254</v>
      </c>
      <c r="E564" s="64" t="s">
        <v>254</v>
      </c>
      <c r="F564" s="64" t="str">
        <f t="shared" si="35"/>
        <v>Waterford/ Kilkenny</v>
      </c>
      <c r="G564" s="64" t="s">
        <v>379</v>
      </c>
    </row>
    <row r="565" spans="1:7" ht="18.75" x14ac:dyDescent="0.3">
      <c r="A565" s="62">
        <v>517</v>
      </c>
      <c r="B565" s="63" t="s">
        <v>934</v>
      </c>
      <c r="C565" s="64" t="s">
        <v>148</v>
      </c>
      <c r="D565" s="65" t="s">
        <v>254</v>
      </c>
      <c r="E565" s="64" t="s">
        <v>254</v>
      </c>
      <c r="F565" s="64" t="str">
        <f t="shared" si="35"/>
        <v>Waterford/ Kilkenny</v>
      </c>
      <c r="G565" s="64" t="s">
        <v>379</v>
      </c>
    </row>
    <row r="566" spans="1:7" ht="18.75" x14ac:dyDescent="0.3">
      <c r="A566" s="62">
        <v>518</v>
      </c>
      <c r="B566" s="63" t="s">
        <v>935</v>
      </c>
      <c r="C566" s="64" t="s">
        <v>148</v>
      </c>
      <c r="D566" s="65" t="s">
        <v>254</v>
      </c>
      <c r="E566" s="64" t="s">
        <v>254</v>
      </c>
      <c r="F566" s="64" t="str">
        <f t="shared" si="35"/>
        <v>Waterford/ Kilkenny</v>
      </c>
      <c r="G566" s="64" t="s">
        <v>379</v>
      </c>
    </row>
    <row r="567" spans="1:7" ht="18.75" x14ac:dyDescent="0.3">
      <c r="A567" s="62">
        <v>519</v>
      </c>
      <c r="B567" s="63" t="s">
        <v>936</v>
      </c>
      <c r="C567" s="64" t="s">
        <v>148</v>
      </c>
      <c r="D567" s="65" t="s">
        <v>254</v>
      </c>
      <c r="E567" s="64" t="s">
        <v>254</v>
      </c>
      <c r="F567" s="64" t="str">
        <f t="shared" si="35"/>
        <v>Waterford/ Kilkenny</v>
      </c>
      <c r="G567" s="64" t="s">
        <v>379</v>
      </c>
    </row>
    <row r="568" spans="1:7" ht="18.75" x14ac:dyDescent="0.3">
      <c r="A568" s="62">
        <v>520</v>
      </c>
      <c r="B568" s="63" t="s">
        <v>944</v>
      </c>
      <c r="C568" s="64" t="s">
        <v>148</v>
      </c>
      <c r="D568" s="65" t="s">
        <v>254</v>
      </c>
      <c r="E568" s="64" t="s">
        <v>254</v>
      </c>
      <c r="F568" s="64" t="str">
        <f t="shared" si="35"/>
        <v>Waterford/ Kilkenny</v>
      </c>
      <c r="G568" s="64" t="s">
        <v>379</v>
      </c>
    </row>
    <row r="569" spans="1:7" ht="18.75" x14ac:dyDescent="0.3">
      <c r="A569" s="62">
        <v>521</v>
      </c>
      <c r="B569" s="63" t="s">
        <v>945</v>
      </c>
      <c r="C569" s="64" t="s">
        <v>148</v>
      </c>
      <c r="D569" s="65" t="s">
        <v>254</v>
      </c>
      <c r="E569" s="64" t="s">
        <v>254</v>
      </c>
      <c r="F569" s="64" t="str">
        <f t="shared" si="35"/>
        <v>Waterford/ Kilkenny</v>
      </c>
      <c r="G569" s="64" t="s">
        <v>379</v>
      </c>
    </row>
    <row r="570" spans="1:7" ht="18.75" x14ac:dyDescent="0.3">
      <c r="A570" s="62">
        <v>522</v>
      </c>
      <c r="B570" s="63" t="s">
        <v>946</v>
      </c>
      <c r="C570" s="64" t="s">
        <v>148</v>
      </c>
      <c r="D570" s="65" t="s">
        <v>254</v>
      </c>
      <c r="E570" s="64" t="s">
        <v>254</v>
      </c>
      <c r="F570" s="64" t="str">
        <f t="shared" si="35"/>
        <v>Waterford/ Kilkenny</v>
      </c>
      <c r="G570" s="64" t="s">
        <v>379</v>
      </c>
    </row>
    <row r="571" spans="1:7" ht="18.75" x14ac:dyDescent="0.3">
      <c r="A571" s="62">
        <v>523</v>
      </c>
      <c r="B571" s="63" t="s">
        <v>947</v>
      </c>
      <c r="C571" s="64" t="s">
        <v>148</v>
      </c>
      <c r="D571" s="65" t="s">
        <v>254</v>
      </c>
      <c r="E571" s="64" t="s">
        <v>254</v>
      </c>
      <c r="F571" s="64" t="str">
        <f t="shared" si="35"/>
        <v>Waterford/ Kilkenny</v>
      </c>
      <c r="G571" s="64" t="s">
        <v>379</v>
      </c>
    </row>
    <row r="572" spans="1:7" ht="18.75" x14ac:dyDescent="0.3">
      <c r="A572" s="62">
        <v>524</v>
      </c>
      <c r="B572" s="63" t="s">
        <v>145</v>
      </c>
      <c r="C572" s="64" t="s">
        <v>148</v>
      </c>
      <c r="D572" s="65" t="s">
        <v>254</v>
      </c>
      <c r="E572" s="64" t="s">
        <v>254</v>
      </c>
      <c r="F572" s="64" t="str">
        <f>$F$558</f>
        <v>Waterford/ Kilkenny</v>
      </c>
      <c r="G572" s="64" t="s">
        <v>379</v>
      </c>
    </row>
    <row r="573" spans="1:7" ht="18.75" x14ac:dyDescent="0.3">
      <c r="A573" s="62">
        <v>525</v>
      </c>
      <c r="B573" s="63" t="s">
        <v>943</v>
      </c>
      <c r="C573" s="64" t="s">
        <v>148</v>
      </c>
      <c r="D573" s="65" t="s">
        <v>251</v>
      </c>
      <c r="E573" s="64" t="s">
        <v>251</v>
      </c>
      <c r="F573" s="64" t="str">
        <f>$F$558</f>
        <v>Waterford/ Kilkenny</v>
      </c>
      <c r="G573" s="64" t="s">
        <v>377</v>
      </c>
    </row>
    <row r="574" spans="1:7" ht="18.75" x14ac:dyDescent="0.3">
      <c r="A574" s="62">
        <v>526</v>
      </c>
      <c r="B574" s="63" t="s">
        <v>130</v>
      </c>
      <c r="C574" s="64" t="s">
        <v>148</v>
      </c>
      <c r="D574" s="65" t="s">
        <v>251</v>
      </c>
      <c r="E574" s="64" t="s">
        <v>251</v>
      </c>
      <c r="F574" s="64" t="str">
        <f>$F$558</f>
        <v>Waterford/ Kilkenny</v>
      </c>
      <c r="G574" s="64" t="s">
        <v>377</v>
      </c>
    </row>
    <row r="575" spans="1:7" ht="20.25" customHeight="1" x14ac:dyDescent="0.3">
      <c r="A575" s="62">
        <v>527</v>
      </c>
      <c r="B575" s="63" t="s">
        <v>131</v>
      </c>
      <c r="C575" s="64" t="s">
        <v>148</v>
      </c>
      <c r="D575" s="65" t="s">
        <v>252</v>
      </c>
      <c r="E575" s="64" t="s">
        <v>252</v>
      </c>
      <c r="F575" s="64" t="str">
        <f>$F$574</f>
        <v>Waterford/ Kilkenny</v>
      </c>
      <c r="G575" s="64" t="s">
        <v>378</v>
      </c>
    </row>
    <row r="576" spans="1:7" ht="18.75" x14ac:dyDescent="0.3">
      <c r="A576" s="62">
        <v>528</v>
      </c>
      <c r="B576" s="63" t="s">
        <v>132</v>
      </c>
      <c r="C576" s="64" t="s">
        <v>148</v>
      </c>
      <c r="D576" s="65" t="s">
        <v>253</v>
      </c>
      <c r="E576" s="64" t="s">
        <v>252</v>
      </c>
      <c r="F576" s="64" t="str">
        <f>$F$574</f>
        <v>Waterford/ Kilkenny</v>
      </c>
      <c r="G576" s="64" t="s">
        <v>379</v>
      </c>
    </row>
    <row r="577" spans="1:7" ht="18.75" x14ac:dyDescent="0.3">
      <c r="A577" s="13">
        <v>529</v>
      </c>
      <c r="B577" s="151" t="s">
        <v>85</v>
      </c>
      <c r="C577" s="11" t="s">
        <v>148</v>
      </c>
      <c r="D577" s="14" t="s">
        <v>220</v>
      </c>
      <c r="E577" s="11" t="s">
        <v>220</v>
      </c>
      <c r="F577" s="11" t="s">
        <v>1017</v>
      </c>
      <c r="G577" s="11" t="s">
        <v>349</v>
      </c>
    </row>
    <row r="578" spans="1:7" ht="18.75" x14ac:dyDescent="0.3">
      <c r="A578" s="13">
        <v>530</v>
      </c>
      <c r="B578" s="151" t="s">
        <v>86</v>
      </c>
      <c r="C578" s="11" t="s">
        <v>148</v>
      </c>
      <c r="D578" s="14" t="s">
        <v>220</v>
      </c>
      <c r="E578" s="11" t="s">
        <v>220</v>
      </c>
      <c r="F578" s="11" t="s">
        <v>1017</v>
      </c>
      <c r="G578" s="11" t="s">
        <v>349</v>
      </c>
    </row>
    <row r="579" spans="1:7" ht="18.75" x14ac:dyDescent="0.3">
      <c r="A579" s="13">
        <v>531</v>
      </c>
      <c r="B579" s="151" t="s">
        <v>87</v>
      </c>
      <c r="C579" s="11" t="s">
        <v>148</v>
      </c>
      <c r="D579" s="14" t="s">
        <v>220</v>
      </c>
      <c r="E579" s="11" t="s">
        <v>220</v>
      </c>
      <c r="F579" s="11" t="s">
        <v>1017</v>
      </c>
      <c r="G579" s="11" t="s">
        <v>349</v>
      </c>
    </row>
    <row r="580" spans="1:7" ht="18.75" x14ac:dyDescent="0.3">
      <c r="A580" s="13">
        <v>532</v>
      </c>
      <c r="B580" s="151" t="s">
        <v>88</v>
      </c>
      <c r="C580" s="11" t="s">
        <v>148</v>
      </c>
      <c r="D580" s="14" t="s">
        <v>220</v>
      </c>
      <c r="E580" s="11" t="s">
        <v>220</v>
      </c>
      <c r="F580" s="11" t="s">
        <v>1017</v>
      </c>
      <c r="G580" s="11" t="s">
        <v>349</v>
      </c>
    </row>
    <row r="581" spans="1:7" ht="18.75" x14ac:dyDescent="0.3">
      <c r="A581" s="13">
        <v>533</v>
      </c>
      <c r="B581" s="151" t="s">
        <v>534</v>
      </c>
      <c r="C581" s="11" t="s">
        <v>148</v>
      </c>
      <c r="D581" s="14" t="s">
        <v>220</v>
      </c>
      <c r="E581" s="11" t="s">
        <v>220</v>
      </c>
      <c r="F581" s="11" t="s">
        <v>1017</v>
      </c>
      <c r="G581" s="11" t="s">
        <v>349</v>
      </c>
    </row>
    <row r="582" spans="1:7" ht="18.75" x14ac:dyDescent="0.3">
      <c r="A582" s="13">
        <v>534</v>
      </c>
      <c r="B582" s="151" t="s">
        <v>559</v>
      </c>
      <c r="C582" s="11" t="s">
        <v>148</v>
      </c>
      <c r="D582" s="14" t="s">
        <v>220</v>
      </c>
      <c r="E582" s="11" t="s">
        <v>220</v>
      </c>
      <c r="F582" s="11" t="s">
        <v>1017</v>
      </c>
      <c r="G582" s="11" t="s">
        <v>349</v>
      </c>
    </row>
    <row r="583" spans="1:7" ht="18.75" x14ac:dyDescent="0.3">
      <c r="A583" s="13">
        <v>535</v>
      </c>
      <c r="B583" s="151" t="s">
        <v>89</v>
      </c>
      <c r="C583" s="11" t="s">
        <v>148</v>
      </c>
      <c r="D583" s="14" t="s">
        <v>220</v>
      </c>
      <c r="E583" s="11" t="s">
        <v>220</v>
      </c>
      <c r="F583" s="11" t="s">
        <v>1017</v>
      </c>
      <c r="G583" s="11" t="s">
        <v>349</v>
      </c>
    </row>
    <row r="584" spans="1:7" ht="18.75" x14ac:dyDescent="0.3">
      <c r="A584" s="13">
        <v>536</v>
      </c>
      <c r="B584" s="151" t="s">
        <v>979</v>
      </c>
      <c r="C584" s="11" t="s">
        <v>148</v>
      </c>
      <c r="D584" s="14" t="s">
        <v>220</v>
      </c>
      <c r="E584" s="11" t="s">
        <v>220</v>
      </c>
      <c r="F584" s="11" t="s">
        <v>1017</v>
      </c>
      <c r="G584" s="11" t="s">
        <v>349</v>
      </c>
    </row>
    <row r="585" spans="1:7" ht="18.75" x14ac:dyDescent="0.3">
      <c r="A585" s="13">
        <v>537</v>
      </c>
      <c r="B585" s="151" t="s">
        <v>926</v>
      </c>
      <c r="C585" s="11" t="s">
        <v>148</v>
      </c>
      <c r="D585" s="14" t="s">
        <v>220</v>
      </c>
      <c r="E585" s="11" t="s">
        <v>220</v>
      </c>
      <c r="F585" s="11" t="str">
        <f t="shared" ref="F585:F594" si="36">$F$574</f>
        <v>Waterford/ Kilkenny</v>
      </c>
      <c r="G585" s="11" t="s">
        <v>349</v>
      </c>
    </row>
    <row r="586" spans="1:7" ht="18.75" x14ac:dyDescent="0.3">
      <c r="A586" s="13">
        <v>538</v>
      </c>
      <c r="B586" s="151" t="s">
        <v>927</v>
      </c>
      <c r="C586" s="11" t="s">
        <v>148</v>
      </c>
      <c r="D586" s="14" t="s">
        <v>220</v>
      </c>
      <c r="E586" s="11" t="s">
        <v>220</v>
      </c>
      <c r="F586" s="11" t="str">
        <f t="shared" si="36"/>
        <v>Waterford/ Kilkenny</v>
      </c>
      <c r="G586" s="11" t="s">
        <v>349</v>
      </c>
    </row>
    <row r="587" spans="1:7" ht="18.75" x14ac:dyDescent="0.3">
      <c r="A587" s="13">
        <v>539</v>
      </c>
      <c r="B587" s="151" t="s">
        <v>937</v>
      </c>
      <c r="C587" s="11" t="s">
        <v>148</v>
      </c>
      <c r="D587" s="14" t="s">
        <v>220</v>
      </c>
      <c r="E587" s="11" t="s">
        <v>220</v>
      </c>
      <c r="F587" s="11" t="str">
        <f t="shared" si="36"/>
        <v>Waterford/ Kilkenny</v>
      </c>
      <c r="G587" s="11" t="s">
        <v>349</v>
      </c>
    </row>
    <row r="588" spans="1:7" ht="18.75" x14ac:dyDescent="0.3">
      <c r="A588" s="13">
        <v>540</v>
      </c>
      <c r="B588" s="151" t="s">
        <v>938</v>
      </c>
      <c r="C588" s="11" t="s">
        <v>148</v>
      </c>
      <c r="D588" s="14" t="s">
        <v>220</v>
      </c>
      <c r="E588" s="11" t="s">
        <v>220</v>
      </c>
      <c r="F588" s="11" t="str">
        <f t="shared" si="36"/>
        <v>Waterford/ Kilkenny</v>
      </c>
      <c r="G588" s="11" t="s">
        <v>349</v>
      </c>
    </row>
    <row r="589" spans="1:7" ht="18.75" x14ac:dyDescent="0.3">
      <c r="A589" s="13">
        <v>541</v>
      </c>
      <c r="B589" s="151" t="s">
        <v>980</v>
      </c>
      <c r="C589" s="11" t="s">
        <v>148</v>
      </c>
      <c r="D589" s="14" t="s">
        <v>220</v>
      </c>
      <c r="E589" s="11" t="s">
        <v>220</v>
      </c>
      <c r="F589" s="11" t="str">
        <f t="shared" si="36"/>
        <v>Waterford/ Kilkenny</v>
      </c>
      <c r="G589" s="11" t="s">
        <v>349</v>
      </c>
    </row>
    <row r="590" spans="1:7" ht="18.75" x14ac:dyDescent="0.3">
      <c r="A590" s="13">
        <v>542</v>
      </c>
      <c r="B590" s="151" t="s">
        <v>939</v>
      </c>
      <c r="C590" s="11" t="s">
        <v>148</v>
      </c>
      <c r="D590" s="14" t="s">
        <v>220</v>
      </c>
      <c r="E590" s="11" t="s">
        <v>220</v>
      </c>
      <c r="F590" s="11" t="str">
        <f t="shared" si="36"/>
        <v>Waterford/ Kilkenny</v>
      </c>
      <c r="G590" s="11" t="s">
        <v>349</v>
      </c>
    </row>
    <row r="591" spans="1:7" ht="18.75" x14ac:dyDescent="0.3">
      <c r="A591" s="13">
        <v>543</v>
      </c>
      <c r="B591" s="151" t="s">
        <v>940</v>
      </c>
      <c r="C591" s="11" t="s">
        <v>148</v>
      </c>
      <c r="D591" s="14" t="s">
        <v>220</v>
      </c>
      <c r="E591" s="11" t="s">
        <v>220</v>
      </c>
      <c r="F591" s="11" t="str">
        <f t="shared" si="36"/>
        <v>Waterford/ Kilkenny</v>
      </c>
      <c r="G591" s="11" t="s">
        <v>349</v>
      </c>
    </row>
    <row r="592" spans="1:7" ht="18.75" x14ac:dyDescent="0.3">
      <c r="A592" s="13">
        <v>544</v>
      </c>
      <c r="B592" s="151" t="s">
        <v>928</v>
      </c>
      <c r="C592" s="11" t="s">
        <v>148</v>
      </c>
      <c r="D592" s="14" t="s">
        <v>220</v>
      </c>
      <c r="E592" s="11" t="s">
        <v>220</v>
      </c>
      <c r="F592" s="11" t="str">
        <f t="shared" si="36"/>
        <v>Waterford/ Kilkenny</v>
      </c>
      <c r="G592" s="11" t="s">
        <v>349</v>
      </c>
    </row>
    <row r="593" spans="1:7" ht="18.75" x14ac:dyDescent="0.3">
      <c r="A593" s="13">
        <v>545</v>
      </c>
      <c r="B593" s="151" t="s">
        <v>941</v>
      </c>
      <c r="C593" s="11" t="s">
        <v>148</v>
      </c>
      <c r="D593" s="14" t="s">
        <v>220</v>
      </c>
      <c r="E593" s="11" t="s">
        <v>220</v>
      </c>
      <c r="F593" s="11" t="str">
        <f t="shared" si="36"/>
        <v>Waterford/ Kilkenny</v>
      </c>
      <c r="G593" s="11" t="s">
        <v>349</v>
      </c>
    </row>
    <row r="594" spans="1:7" ht="19.5" thickBot="1" x14ac:dyDescent="0.35">
      <c r="A594" s="70">
        <v>546</v>
      </c>
      <c r="B594" s="152" t="s">
        <v>942</v>
      </c>
      <c r="C594" s="71" t="s">
        <v>148</v>
      </c>
      <c r="D594" s="140" t="s">
        <v>220</v>
      </c>
      <c r="E594" s="71" t="s">
        <v>220</v>
      </c>
      <c r="F594" s="71" t="str">
        <f t="shared" si="36"/>
        <v>Waterford/ Kilkenny</v>
      </c>
      <c r="G594" s="71" t="s">
        <v>349</v>
      </c>
    </row>
    <row r="595" spans="1:7" ht="24" customHeight="1" thickBot="1" x14ac:dyDescent="0.3">
      <c r="A595" s="221" t="s">
        <v>658</v>
      </c>
      <c r="B595" s="222"/>
      <c r="C595" s="222"/>
      <c r="D595" s="222"/>
      <c r="E595" s="222"/>
      <c r="F595" s="222"/>
      <c r="G595" s="223"/>
    </row>
    <row r="596" spans="1:7" ht="19.5" thickBot="1" x14ac:dyDescent="0.3">
      <c r="A596" s="8" t="s">
        <v>392</v>
      </c>
      <c r="B596" s="8" t="s">
        <v>0</v>
      </c>
      <c r="C596" s="8" t="s">
        <v>146</v>
      </c>
      <c r="D596" s="8" t="s">
        <v>151</v>
      </c>
      <c r="E596" s="8" t="s">
        <v>264</v>
      </c>
      <c r="F596" s="8" t="s">
        <v>272</v>
      </c>
      <c r="G596" s="8" t="s">
        <v>282</v>
      </c>
    </row>
    <row r="597" spans="1:7" ht="18.75" x14ac:dyDescent="0.3">
      <c r="A597" s="72">
        <v>547</v>
      </c>
      <c r="B597" s="83" t="s">
        <v>390</v>
      </c>
      <c r="C597" s="73" t="s">
        <v>150</v>
      </c>
      <c r="D597" s="74" t="s">
        <v>258</v>
      </c>
      <c r="E597" s="73" t="s">
        <v>258</v>
      </c>
      <c r="F597" s="73" t="s">
        <v>659</v>
      </c>
      <c r="G597" s="73" t="s">
        <v>592</v>
      </c>
    </row>
    <row r="598" spans="1:7" ht="18.75" x14ac:dyDescent="0.3">
      <c r="A598" s="30">
        <v>548</v>
      </c>
      <c r="B598" s="35" t="s">
        <v>739</v>
      </c>
      <c r="C598" s="34" t="s">
        <v>148</v>
      </c>
      <c r="D598" s="32" t="s">
        <v>258</v>
      </c>
      <c r="E598" s="34" t="s">
        <v>258</v>
      </c>
      <c r="F598" s="34" t="s">
        <v>659</v>
      </c>
      <c r="G598" s="34" t="s">
        <v>382</v>
      </c>
    </row>
    <row r="599" spans="1:7" ht="18.75" x14ac:dyDescent="0.3">
      <c r="A599" s="30">
        <v>549</v>
      </c>
      <c r="B599" s="35" t="s">
        <v>136</v>
      </c>
      <c r="C599" s="34" t="s">
        <v>149</v>
      </c>
      <c r="D599" s="32" t="s">
        <v>258</v>
      </c>
      <c r="E599" s="34" t="s">
        <v>258</v>
      </c>
      <c r="F599" s="34" t="s">
        <v>659</v>
      </c>
      <c r="G599" s="34" t="s">
        <v>592</v>
      </c>
    </row>
    <row r="600" spans="1:7" ht="18.75" x14ac:dyDescent="0.3">
      <c r="A600" s="30">
        <v>550</v>
      </c>
      <c r="B600" s="35" t="s">
        <v>138</v>
      </c>
      <c r="C600" s="34" t="s">
        <v>148</v>
      </c>
      <c r="D600" s="32" t="s">
        <v>258</v>
      </c>
      <c r="E600" s="34" t="s">
        <v>258</v>
      </c>
      <c r="F600" s="34" t="s">
        <v>659</v>
      </c>
      <c r="G600" s="34" t="str">
        <f>$G$601</f>
        <v>(053) 916 5200</v>
      </c>
    </row>
    <row r="601" spans="1:7" ht="18.75" x14ac:dyDescent="0.3">
      <c r="A601" s="30">
        <v>551</v>
      </c>
      <c r="B601" s="35" t="s">
        <v>137</v>
      </c>
      <c r="C601" s="34" t="s">
        <v>148</v>
      </c>
      <c r="D601" s="32" t="s">
        <v>258</v>
      </c>
      <c r="E601" s="34" t="s">
        <v>258</v>
      </c>
      <c r="F601" s="34" t="s">
        <v>659</v>
      </c>
      <c r="G601" s="34" t="s">
        <v>382</v>
      </c>
    </row>
    <row r="602" spans="1:7" ht="18.75" x14ac:dyDescent="0.3">
      <c r="A602" s="30">
        <v>552</v>
      </c>
      <c r="B602" s="35" t="s">
        <v>406</v>
      </c>
      <c r="C602" s="34" t="s">
        <v>148</v>
      </c>
      <c r="D602" s="32" t="s">
        <v>258</v>
      </c>
      <c r="E602" s="34" t="s">
        <v>258</v>
      </c>
      <c r="F602" s="34" t="s">
        <v>659</v>
      </c>
      <c r="G602" s="34" t="s">
        <v>382</v>
      </c>
    </row>
    <row r="603" spans="1:7" ht="18.75" x14ac:dyDescent="0.3">
      <c r="A603" s="30">
        <v>553</v>
      </c>
      <c r="B603" s="35" t="s">
        <v>135</v>
      </c>
      <c r="C603" s="34" t="s">
        <v>148</v>
      </c>
      <c r="D603" s="32" t="str">
        <f>'[3]WORKING LIST 2024'!$E$597</f>
        <v>Bunclody</v>
      </c>
      <c r="E603" s="34" t="s">
        <v>257</v>
      </c>
      <c r="F603" s="34" t="s">
        <v>659</v>
      </c>
      <c r="G603" s="34" t="str">
        <f>'[3]WORKING LIST 2024'!$H$597</f>
        <v>(053) 937 7102</v>
      </c>
    </row>
    <row r="604" spans="1:7" ht="18.75" x14ac:dyDescent="0.3">
      <c r="A604" s="30">
        <v>554</v>
      </c>
      <c r="B604" s="35" t="s">
        <v>545</v>
      </c>
      <c r="C604" s="34" t="s">
        <v>148</v>
      </c>
      <c r="D604" s="32" t="str">
        <f>'[3]WORKING LIST 2024'!$E$598</f>
        <v>Gorey</v>
      </c>
      <c r="E604" s="34" t="s">
        <v>257</v>
      </c>
      <c r="F604" s="34" t="s">
        <v>659</v>
      </c>
      <c r="G604" s="34" t="s">
        <v>854</v>
      </c>
    </row>
    <row r="605" spans="1:7" ht="18.75" x14ac:dyDescent="0.3">
      <c r="A605" s="30">
        <v>555</v>
      </c>
      <c r="B605" s="35" t="s">
        <v>433</v>
      </c>
      <c r="C605" s="34" t="s">
        <v>148</v>
      </c>
      <c r="D605" s="32" t="str">
        <f>'[3]WORKING LIST 2024'!$E$598</f>
        <v>Gorey</v>
      </c>
      <c r="E605" s="34" t="s">
        <v>257</v>
      </c>
      <c r="F605" s="34" t="s">
        <v>659</v>
      </c>
      <c r="G605" s="34" t="s">
        <v>854</v>
      </c>
    </row>
    <row r="606" spans="1:7" ht="18.75" x14ac:dyDescent="0.3">
      <c r="A606" s="30">
        <v>556</v>
      </c>
      <c r="B606" s="35" t="s">
        <v>409</v>
      </c>
      <c r="C606" s="34" t="s">
        <v>148</v>
      </c>
      <c r="D606" s="34" t="s">
        <v>257</v>
      </c>
      <c r="E606" s="34" t="s">
        <v>257</v>
      </c>
      <c r="F606" s="34" t="s">
        <v>659</v>
      </c>
      <c r="G606" s="34" t="s">
        <v>854</v>
      </c>
    </row>
    <row r="607" spans="1:7" ht="18.75" x14ac:dyDescent="0.3">
      <c r="A607" s="30">
        <v>557</v>
      </c>
      <c r="B607" s="35" t="s">
        <v>539</v>
      </c>
      <c r="C607" s="34" t="s">
        <v>148</v>
      </c>
      <c r="D607" s="32" t="str">
        <f>'[3]WORKING LIST 2024'!$E$601</f>
        <v>Oylegate</v>
      </c>
      <c r="E607" s="34" t="s">
        <v>257</v>
      </c>
      <c r="F607" s="34" t="s">
        <v>659</v>
      </c>
      <c r="G607" s="34" t="str">
        <f>'[3]WORKING LIST 2024'!$H$601</f>
        <v>(053) 9138132</v>
      </c>
    </row>
    <row r="608" spans="1:7" ht="18.75" x14ac:dyDescent="0.3">
      <c r="A608" s="30">
        <v>558</v>
      </c>
      <c r="B608" s="35" t="s">
        <v>542</v>
      </c>
      <c r="C608" s="34" t="s">
        <v>148</v>
      </c>
      <c r="D608" s="32" t="s">
        <v>259</v>
      </c>
      <c r="E608" s="34" t="s">
        <v>259</v>
      </c>
      <c r="F608" s="34" t="s">
        <v>659</v>
      </c>
      <c r="G608" s="141" t="str">
        <f>$G$610</f>
        <v>(051) 426030</v>
      </c>
    </row>
    <row r="609" spans="1:7" ht="18.75" x14ac:dyDescent="0.3">
      <c r="A609" s="30">
        <v>559</v>
      </c>
      <c r="B609" s="35" t="s">
        <v>540</v>
      </c>
      <c r="C609" s="34" t="s">
        <v>148</v>
      </c>
      <c r="D609" s="32" t="s">
        <v>259</v>
      </c>
      <c r="E609" s="34" t="s">
        <v>259</v>
      </c>
      <c r="F609" s="34" t="s">
        <v>659</v>
      </c>
      <c r="G609" s="34" t="s">
        <v>541</v>
      </c>
    </row>
    <row r="610" spans="1:7" ht="18.75" x14ac:dyDescent="0.3">
      <c r="A610" s="30">
        <v>560</v>
      </c>
      <c r="B610" s="35" t="s">
        <v>543</v>
      </c>
      <c r="C610" s="34" t="s">
        <v>148</v>
      </c>
      <c r="D610" s="32" t="s">
        <v>259</v>
      </c>
      <c r="E610" s="34" t="s">
        <v>259</v>
      </c>
      <c r="F610" s="34" t="s">
        <v>659</v>
      </c>
      <c r="G610" s="34" t="s">
        <v>541</v>
      </c>
    </row>
    <row r="611" spans="1:7" ht="18.75" x14ac:dyDescent="0.3">
      <c r="A611" s="30">
        <v>561</v>
      </c>
      <c r="B611" s="35" t="s">
        <v>544</v>
      </c>
      <c r="C611" s="34" t="s">
        <v>148</v>
      </c>
      <c r="D611" s="32" t="s">
        <v>259</v>
      </c>
      <c r="E611" s="34" t="s">
        <v>259</v>
      </c>
      <c r="F611" s="34" t="s">
        <v>659</v>
      </c>
      <c r="G611" s="34" t="s">
        <v>541</v>
      </c>
    </row>
    <row r="612" spans="1:7" ht="18.75" x14ac:dyDescent="0.3">
      <c r="A612" s="30">
        <v>562</v>
      </c>
      <c r="B612" s="35" t="s">
        <v>455</v>
      </c>
      <c r="C612" s="34" t="s">
        <v>148</v>
      </c>
      <c r="D612" s="32" t="s">
        <v>258</v>
      </c>
      <c r="E612" s="34" t="s">
        <v>258</v>
      </c>
      <c r="F612" s="34" t="s">
        <v>659</v>
      </c>
      <c r="G612" s="34" t="s">
        <v>382</v>
      </c>
    </row>
    <row r="613" spans="1:7" ht="18.75" x14ac:dyDescent="0.3">
      <c r="A613" s="52">
        <v>563</v>
      </c>
      <c r="B613" s="51" t="s">
        <v>140</v>
      </c>
      <c r="C613" s="53" t="s">
        <v>147</v>
      </c>
      <c r="D613" s="54" t="s">
        <v>261</v>
      </c>
      <c r="E613" s="53" t="s">
        <v>261</v>
      </c>
      <c r="F613" s="53" t="s">
        <v>659</v>
      </c>
      <c r="G613" s="53" t="s">
        <v>384</v>
      </c>
    </row>
    <row r="614" spans="1:7" ht="18.75" x14ac:dyDescent="0.3">
      <c r="A614" s="52">
        <v>574</v>
      </c>
      <c r="B614" s="51" t="s">
        <v>398</v>
      </c>
      <c r="C614" s="53" t="s">
        <v>147</v>
      </c>
      <c r="D614" s="54" t="s">
        <v>261</v>
      </c>
      <c r="E614" s="53" t="s">
        <v>261</v>
      </c>
      <c r="F614" s="53" t="s">
        <v>659</v>
      </c>
      <c r="G614" s="53" t="s">
        <v>384</v>
      </c>
    </row>
    <row r="615" spans="1:7" ht="18.75" x14ac:dyDescent="0.3">
      <c r="A615" s="52">
        <v>565</v>
      </c>
      <c r="B615" s="51" t="s">
        <v>537</v>
      </c>
      <c r="C615" s="53" t="s">
        <v>148</v>
      </c>
      <c r="D615" s="54" t="s">
        <v>261</v>
      </c>
      <c r="E615" s="53" t="s">
        <v>261</v>
      </c>
      <c r="F615" s="53" t="s">
        <v>659</v>
      </c>
      <c r="G615" s="53" t="s">
        <v>384</v>
      </c>
    </row>
    <row r="616" spans="1:7" ht="18.75" x14ac:dyDescent="0.3">
      <c r="A616" s="52">
        <v>566</v>
      </c>
      <c r="B616" s="51" t="s">
        <v>141</v>
      </c>
      <c r="C616" s="53" t="s">
        <v>148</v>
      </c>
      <c r="D616" s="54" t="s">
        <v>261</v>
      </c>
      <c r="E616" s="53" t="s">
        <v>261</v>
      </c>
      <c r="F616" s="53" t="s">
        <v>659</v>
      </c>
      <c r="G616" s="53" t="s">
        <v>384</v>
      </c>
    </row>
    <row r="617" spans="1:7" ht="19.5" customHeight="1" x14ac:dyDescent="0.3">
      <c r="A617" s="52">
        <v>567</v>
      </c>
      <c r="B617" s="51" t="s">
        <v>535</v>
      </c>
      <c r="C617" s="53" t="s">
        <v>148</v>
      </c>
      <c r="D617" s="54" t="s">
        <v>261</v>
      </c>
      <c r="E617" s="53" t="s">
        <v>261</v>
      </c>
      <c r="F617" s="53" t="s">
        <v>659</v>
      </c>
      <c r="G617" s="53" t="s">
        <v>384</v>
      </c>
    </row>
    <row r="618" spans="1:7" ht="18.75" x14ac:dyDescent="0.3">
      <c r="A618" s="52">
        <v>568</v>
      </c>
      <c r="B618" s="51" t="s">
        <v>142</v>
      </c>
      <c r="C618" s="53" t="s">
        <v>148</v>
      </c>
      <c r="D618" s="54" t="s">
        <v>261</v>
      </c>
      <c r="E618" s="53" t="s">
        <v>261</v>
      </c>
      <c r="F618" s="53" t="s">
        <v>659</v>
      </c>
      <c r="G618" s="53" t="s">
        <v>384</v>
      </c>
    </row>
    <row r="619" spans="1:7" ht="18.75" x14ac:dyDescent="0.3">
      <c r="A619" s="52">
        <v>569</v>
      </c>
      <c r="B619" s="51" t="s">
        <v>143</v>
      </c>
      <c r="C619" s="53" t="s">
        <v>148</v>
      </c>
      <c r="D619" s="54" t="s">
        <v>261</v>
      </c>
      <c r="E619" s="53" t="s">
        <v>261</v>
      </c>
      <c r="F619" s="53" t="s">
        <v>659</v>
      </c>
      <c r="G619" s="53" t="s">
        <v>384</v>
      </c>
    </row>
    <row r="620" spans="1:7" ht="18.75" x14ac:dyDescent="0.3">
      <c r="A620" s="52">
        <v>570</v>
      </c>
      <c r="B620" s="51" t="s">
        <v>144</v>
      </c>
      <c r="C620" s="53" t="s">
        <v>148</v>
      </c>
      <c r="D620" s="54" t="s">
        <v>262</v>
      </c>
      <c r="E620" s="53" t="s">
        <v>261</v>
      </c>
      <c r="F620" s="53" t="s">
        <v>659</v>
      </c>
      <c r="G620" s="53" t="s">
        <v>385</v>
      </c>
    </row>
    <row r="621" spans="1:7" ht="18.75" x14ac:dyDescent="0.3">
      <c r="A621" s="52">
        <v>571</v>
      </c>
      <c r="B621" s="51" t="s">
        <v>139</v>
      </c>
      <c r="C621" s="53" t="s">
        <v>148</v>
      </c>
      <c r="D621" s="54" t="s">
        <v>260</v>
      </c>
      <c r="E621" s="53" t="s">
        <v>260</v>
      </c>
      <c r="F621" s="53" t="s">
        <v>659</v>
      </c>
      <c r="G621" s="53" t="s">
        <v>383</v>
      </c>
    </row>
    <row r="622" spans="1:7" ht="18.75" x14ac:dyDescent="0.3">
      <c r="A622" s="52">
        <v>572</v>
      </c>
      <c r="B622" s="51" t="s">
        <v>414</v>
      </c>
      <c r="C622" s="53" t="s">
        <v>148</v>
      </c>
      <c r="D622" s="54" t="s">
        <v>407</v>
      </c>
      <c r="E622" s="53" t="s">
        <v>260</v>
      </c>
      <c r="F622" s="53" t="s">
        <v>659</v>
      </c>
      <c r="G622" s="53" t="s">
        <v>408</v>
      </c>
    </row>
    <row r="623" spans="1:7" ht="18.75" x14ac:dyDescent="0.3">
      <c r="A623" s="52">
        <v>573</v>
      </c>
      <c r="B623" s="51" t="s">
        <v>413</v>
      </c>
      <c r="C623" s="53" t="s">
        <v>148</v>
      </c>
      <c r="D623" s="54" t="s">
        <v>407</v>
      </c>
      <c r="E623" s="53" t="s">
        <v>260</v>
      </c>
      <c r="F623" s="53" t="s">
        <v>659</v>
      </c>
      <c r="G623" s="53" t="s">
        <v>408</v>
      </c>
    </row>
    <row r="624" spans="1:7" ht="18.75" x14ac:dyDescent="0.3">
      <c r="A624" s="52">
        <v>574</v>
      </c>
      <c r="B624" s="51" t="s">
        <v>53</v>
      </c>
      <c r="C624" s="53" t="s">
        <v>147</v>
      </c>
      <c r="D624" s="54" t="s">
        <v>263</v>
      </c>
      <c r="E624" s="53" t="s">
        <v>263</v>
      </c>
      <c r="F624" s="53" t="s">
        <v>659</v>
      </c>
      <c r="G624" s="53" t="s">
        <v>386</v>
      </c>
    </row>
    <row r="625" spans="1:7" ht="18.75" x14ac:dyDescent="0.3">
      <c r="A625" s="52">
        <v>575</v>
      </c>
      <c r="B625" s="51" t="s">
        <v>536</v>
      </c>
      <c r="C625" s="53" t="s">
        <v>148</v>
      </c>
      <c r="D625" s="54" t="s">
        <v>263</v>
      </c>
      <c r="E625" s="53" t="s">
        <v>263</v>
      </c>
      <c r="F625" s="53" t="s">
        <v>659</v>
      </c>
      <c r="G625" s="53" t="s">
        <v>386</v>
      </c>
    </row>
    <row r="626" spans="1:7" ht="18.75" x14ac:dyDescent="0.3">
      <c r="A626" s="52">
        <v>576</v>
      </c>
      <c r="B626" s="51" t="s">
        <v>402</v>
      </c>
      <c r="C626" s="53" t="s">
        <v>148</v>
      </c>
      <c r="D626" s="54" t="s">
        <v>263</v>
      </c>
      <c r="E626" s="53" t="s">
        <v>263</v>
      </c>
      <c r="F626" s="53" t="s">
        <v>659</v>
      </c>
      <c r="G626" s="53" t="s">
        <v>386</v>
      </c>
    </row>
    <row r="627" spans="1:7" ht="18.75" x14ac:dyDescent="0.3">
      <c r="A627" s="52">
        <v>577</v>
      </c>
      <c r="B627" s="51" t="s">
        <v>538</v>
      </c>
      <c r="C627" s="53" t="s">
        <v>148</v>
      </c>
      <c r="D627" s="54" t="s">
        <v>263</v>
      </c>
      <c r="E627" s="54" t="s">
        <v>263</v>
      </c>
      <c r="F627" s="53" t="s">
        <v>659</v>
      </c>
      <c r="G627" s="53" t="s">
        <v>386</v>
      </c>
    </row>
    <row r="628" spans="1:7" ht="19.5" thickBot="1" x14ac:dyDescent="0.35">
      <c r="A628" s="55">
        <v>578</v>
      </c>
      <c r="B628" s="58" t="s">
        <v>896</v>
      </c>
      <c r="C628" s="56" t="s">
        <v>148</v>
      </c>
      <c r="D628" s="57" t="s">
        <v>897</v>
      </c>
      <c r="E628" s="56" t="s">
        <v>898</v>
      </c>
      <c r="F628" s="56" t="s">
        <v>659</v>
      </c>
      <c r="G628" s="56" t="s">
        <v>899</v>
      </c>
    </row>
    <row r="629" spans="1:7" ht="18.75" x14ac:dyDescent="0.3">
      <c r="A629" s="120"/>
      <c r="B629" s="119"/>
      <c r="C629" s="119"/>
      <c r="D629" s="119"/>
      <c r="E629" s="119"/>
      <c r="F629" s="119"/>
      <c r="G629" s="119"/>
    </row>
    <row r="630" spans="1:7" ht="18.75" x14ac:dyDescent="0.3">
      <c r="A630" s="119"/>
      <c r="B630" s="119"/>
      <c r="C630" s="119"/>
      <c r="D630" s="119"/>
      <c r="E630" s="119"/>
      <c r="F630" s="119"/>
      <c r="G630" s="119"/>
    </row>
    <row r="631" spans="1:7" ht="18.75" x14ac:dyDescent="0.3">
      <c r="A631" s="120"/>
      <c r="B631" s="119"/>
      <c r="C631" s="119"/>
      <c r="D631" s="119"/>
      <c r="E631" s="119"/>
      <c r="F631" s="119"/>
      <c r="G631" s="119"/>
    </row>
    <row r="632" spans="1:7" ht="18.75" x14ac:dyDescent="0.3">
      <c r="A632" s="120"/>
      <c r="B632" s="119"/>
      <c r="C632" s="119"/>
      <c r="D632" s="119"/>
      <c r="E632" s="119"/>
      <c r="F632" s="119"/>
      <c r="G632" s="119"/>
    </row>
    <row r="633" spans="1:7" ht="18.75" x14ac:dyDescent="0.3">
      <c r="A633" s="120"/>
      <c r="B633" s="119"/>
      <c r="C633" s="119"/>
      <c r="D633" s="119"/>
      <c r="E633" s="119"/>
      <c r="F633" s="119"/>
      <c r="G633" s="119"/>
    </row>
    <row r="634" spans="1:7" ht="18.75" x14ac:dyDescent="0.3">
      <c r="A634" s="120"/>
      <c r="B634" s="119"/>
      <c r="C634" s="119"/>
      <c r="D634" s="119"/>
      <c r="E634" s="119"/>
      <c r="F634" s="119"/>
      <c r="G634" s="119"/>
    </row>
    <row r="635" spans="1:7" ht="18.75" x14ac:dyDescent="0.3">
      <c r="A635" s="120"/>
      <c r="B635" s="119"/>
      <c r="C635" s="119"/>
      <c r="D635" s="119"/>
      <c r="E635" s="119"/>
      <c r="F635" s="119"/>
      <c r="G635" s="119"/>
    </row>
    <row r="636" spans="1:7" ht="18.75" x14ac:dyDescent="0.3">
      <c r="A636" s="120"/>
      <c r="B636" s="119"/>
      <c r="C636" s="119"/>
      <c r="D636" s="119"/>
      <c r="E636" s="119"/>
      <c r="F636" s="119"/>
      <c r="G636" s="119"/>
    </row>
    <row r="637" spans="1:7" ht="18.75" x14ac:dyDescent="0.3">
      <c r="A637" s="120"/>
      <c r="B637" s="119"/>
      <c r="C637" s="119"/>
      <c r="D637" s="119"/>
      <c r="E637" s="119"/>
      <c r="F637" s="119"/>
      <c r="G637" s="119"/>
    </row>
    <row r="638" spans="1:7" ht="18.75" x14ac:dyDescent="0.3">
      <c r="A638" s="120"/>
      <c r="B638" s="119"/>
      <c r="C638" s="119"/>
      <c r="D638" s="119"/>
      <c r="E638" s="119"/>
      <c r="F638" s="119"/>
      <c r="G638" s="119"/>
    </row>
    <row r="639" spans="1:7" ht="18.75" x14ac:dyDescent="0.3">
      <c r="A639" s="120"/>
      <c r="B639" s="119"/>
      <c r="C639" s="119"/>
      <c r="D639" s="119"/>
      <c r="E639" s="119"/>
      <c r="F639" s="119"/>
      <c r="G639" s="119"/>
    </row>
    <row r="640" spans="1:7" ht="18.75" x14ac:dyDescent="0.3">
      <c r="A640" s="120"/>
      <c r="B640" s="119"/>
      <c r="C640" s="119"/>
      <c r="D640" s="119"/>
      <c r="E640" s="119"/>
      <c r="F640" s="119"/>
      <c r="G640" s="119"/>
    </row>
    <row r="641" spans="1:7" ht="18.75" x14ac:dyDescent="0.3">
      <c r="A641" s="120"/>
      <c r="B641" s="119"/>
      <c r="C641" s="119"/>
      <c r="D641" s="119"/>
      <c r="E641" s="119"/>
      <c r="F641" s="119"/>
      <c r="G641" s="119"/>
    </row>
    <row r="642" spans="1:7" ht="18.75" x14ac:dyDescent="0.3">
      <c r="A642" s="120"/>
      <c r="B642" s="119"/>
      <c r="C642" s="119"/>
      <c r="D642" s="119"/>
      <c r="E642" s="119"/>
      <c r="F642" s="119"/>
      <c r="G642" s="119"/>
    </row>
    <row r="643" spans="1:7" ht="18.75" x14ac:dyDescent="0.3">
      <c r="A643" s="120"/>
      <c r="B643" s="119"/>
      <c r="C643" s="119"/>
      <c r="D643" s="119"/>
      <c r="E643" s="119"/>
      <c r="F643" s="119"/>
      <c r="G643" s="119"/>
    </row>
    <row r="644" spans="1:7" ht="18.75" x14ac:dyDescent="0.3">
      <c r="A644" s="120"/>
      <c r="B644" s="119"/>
      <c r="C644" s="119"/>
      <c r="D644" s="119"/>
      <c r="E644" s="119"/>
      <c r="F644" s="119"/>
      <c r="G644" s="119"/>
    </row>
    <row r="645" spans="1:7" ht="18.75" x14ac:dyDescent="0.3">
      <c r="A645" s="120"/>
      <c r="B645" s="119"/>
      <c r="C645" s="119"/>
      <c r="D645" s="119"/>
      <c r="E645" s="119"/>
      <c r="F645" s="119"/>
      <c r="G645" s="119"/>
    </row>
    <row r="646" spans="1:7" ht="18.75" x14ac:dyDescent="0.3">
      <c r="A646" s="120"/>
      <c r="B646" s="119"/>
      <c r="C646" s="119"/>
      <c r="D646" s="119"/>
      <c r="E646" s="119"/>
      <c r="F646" s="119"/>
      <c r="G646" s="119"/>
    </row>
    <row r="647" spans="1:7" ht="18.75" x14ac:dyDescent="0.3">
      <c r="A647" s="120"/>
      <c r="B647" s="119"/>
      <c r="C647" s="119"/>
      <c r="D647" s="119"/>
      <c r="E647" s="119"/>
      <c r="F647" s="119"/>
      <c r="G647" s="119"/>
    </row>
    <row r="648" spans="1:7" ht="18.75" x14ac:dyDescent="0.3">
      <c r="A648" s="120"/>
      <c r="B648" s="119"/>
      <c r="C648" s="119"/>
      <c r="D648" s="119"/>
      <c r="E648" s="119"/>
      <c r="F648" s="119"/>
      <c r="G648" s="119"/>
    </row>
    <row r="649" spans="1:7" ht="18.75" x14ac:dyDescent="0.3">
      <c r="A649" s="120"/>
      <c r="B649" s="119"/>
      <c r="C649" s="119"/>
      <c r="D649" s="119"/>
      <c r="E649" s="119"/>
      <c r="F649" s="119"/>
      <c r="G649" s="119"/>
    </row>
    <row r="650" spans="1:7" ht="18.75" x14ac:dyDescent="0.3">
      <c r="A650" s="120"/>
      <c r="B650" s="119"/>
      <c r="C650" s="119"/>
      <c r="D650" s="119"/>
      <c r="E650" s="119"/>
      <c r="F650" s="119"/>
      <c r="G650" s="119"/>
    </row>
    <row r="651" spans="1:7" ht="18.75" x14ac:dyDescent="0.3">
      <c r="A651" s="120"/>
      <c r="B651" s="119"/>
      <c r="C651" s="119"/>
      <c r="D651" s="119"/>
      <c r="E651" s="119"/>
      <c r="F651" s="119"/>
      <c r="G651" s="119"/>
    </row>
    <row r="652" spans="1:7" ht="18.75" x14ac:dyDescent="0.3">
      <c r="A652" s="120"/>
      <c r="B652" s="119"/>
      <c r="C652" s="119"/>
      <c r="D652" s="119"/>
      <c r="E652" s="119"/>
      <c r="F652" s="119"/>
      <c r="G652" s="119"/>
    </row>
    <row r="653" spans="1:7" ht="18.75" x14ac:dyDescent="0.3">
      <c r="A653" s="120"/>
      <c r="B653" s="119"/>
      <c r="C653" s="119"/>
      <c r="D653" s="119"/>
      <c r="E653" s="119"/>
      <c r="F653" s="119"/>
      <c r="G653" s="119"/>
    </row>
    <row r="654" spans="1:7" ht="18.75" x14ac:dyDescent="0.3">
      <c r="A654" s="120"/>
      <c r="B654" s="119"/>
      <c r="C654" s="119"/>
      <c r="D654" s="119"/>
      <c r="E654" s="119"/>
      <c r="F654" s="119"/>
      <c r="G654" s="119"/>
    </row>
    <row r="655" spans="1:7" ht="18.75" x14ac:dyDescent="0.3">
      <c r="A655" s="120"/>
      <c r="B655" s="119"/>
      <c r="C655" s="119"/>
      <c r="D655" s="119"/>
      <c r="E655" s="119"/>
      <c r="F655" s="119"/>
      <c r="G655" s="119"/>
    </row>
    <row r="656" spans="1:7" ht="18.75" x14ac:dyDescent="0.3">
      <c r="A656" s="120"/>
      <c r="B656" s="119"/>
      <c r="C656" s="119"/>
      <c r="D656" s="119"/>
      <c r="E656" s="119"/>
      <c r="F656" s="119"/>
      <c r="G656" s="119"/>
    </row>
    <row r="657" spans="1:7" ht="18.75" x14ac:dyDescent="0.3">
      <c r="A657" s="120"/>
      <c r="B657" s="119"/>
      <c r="C657" s="119"/>
      <c r="D657" s="119"/>
      <c r="E657" s="119"/>
      <c r="F657" s="119"/>
      <c r="G657" s="119"/>
    </row>
    <row r="658" spans="1:7" ht="18.75" x14ac:dyDescent="0.3">
      <c r="A658" s="120"/>
      <c r="B658" s="119"/>
      <c r="C658" s="119"/>
      <c r="D658" s="119"/>
      <c r="E658" s="119"/>
      <c r="F658" s="119"/>
      <c r="G658" s="119"/>
    </row>
    <row r="659" spans="1:7" ht="18.75" x14ac:dyDescent="0.3">
      <c r="A659" s="120"/>
      <c r="B659" s="119"/>
      <c r="C659" s="119"/>
      <c r="D659" s="119"/>
      <c r="E659" s="119"/>
      <c r="F659" s="119"/>
      <c r="G659" s="119"/>
    </row>
    <row r="660" spans="1:7" ht="18.75" x14ac:dyDescent="0.3">
      <c r="A660" s="120"/>
      <c r="B660" s="119"/>
      <c r="C660" s="119"/>
      <c r="D660" s="119"/>
      <c r="E660" s="119"/>
      <c r="F660" s="119"/>
      <c r="G660" s="119"/>
    </row>
    <row r="661" spans="1:7" ht="18.75" x14ac:dyDescent="0.3">
      <c r="A661" s="120"/>
      <c r="B661" s="119"/>
      <c r="C661" s="119"/>
      <c r="D661" s="119"/>
      <c r="E661" s="119"/>
      <c r="F661" s="119"/>
      <c r="G661" s="119"/>
    </row>
    <row r="662" spans="1:7" ht="18.75" x14ac:dyDescent="0.3">
      <c r="A662" s="120"/>
      <c r="B662" s="119"/>
      <c r="C662" s="119"/>
      <c r="D662" s="119"/>
      <c r="E662" s="119"/>
      <c r="F662" s="119"/>
      <c r="G662" s="119"/>
    </row>
    <row r="663" spans="1:7" ht="18.75" x14ac:dyDescent="0.3">
      <c r="A663" s="120"/>
      <c r="B663" s="119"/>
      <c r="C663" s="119"/>
      <c r="D663" s="119"/>
      <c r="E663" s="119"/>
      <c r="F663" s="119"/>
      <c r="G663" s="119"/>
    </row>
    <row r="664" spans="1:7" ht="18.75" x14ac:dyDescent="0.3">
      <c r="A664" s="120"/>
      <c r="B664" s="119"/>
      <c r="C664" s="119"/>
      <c r="D664" s="119"/>
      <c r="E664" s="119"/>
      <c r="F664" s="119"/>
      <c r="G664" s="119"/>
    </row>
    <row r="665" spans="1:7" ht="18.75" x14ac:dyDescent="0.3">
      <c r="A665" s="120"/>
      <c r="B665" s="119"/>
      <c r="C665" s="119"/>
      <c r="D665" s="119"/>
      <c r="E665" s="119"/>
      <c r="F665" s="119"/>
      <c r="G665" s="119"/>
    </row>
    <row r="666" spans="1:7" ht="18.75" x14ac:dyDescent="0.3">
      <c r="A666" s="120"/>
      <c r="B666" s="119"/>
      <c r="C666" s="119"/>
      <c r="D666" s="119"/>
      <c r="E666" s="119"/>
      <c r="F666" s="119"/>
      <c r="G666" s="119"/>
    </row>
    <row r="667" spans="1:7" ht="18.75" x14ac:dyDescent="0.3">
      <c r="A667" s="120"/>
      <c r="B667" s="119"/>
      <c r="C667" s="119"/>
      <c r="D667" s="119"/>
      <c r="E667" s="119"/>
      <c r="F667" s="119"/>
      <c r="G667" s="119"/>
    </row>
    <row r="668" spans="1:7" ht="18.75" x14ac:dyDescent="0.3">
      <c r="A668" s="120"/>
      <c r="B668" s="119"/>
      <c r="C668" s="119"/>
      <c r="D668" s="119"/>
      <c r="E668" s="119"/>
      <c r="F668" s="119"/>
      <c r="G668" s="119"/>
    </row>
    <row r="669" spans="1:7" ht="18.75" x14ac:dyDescent="0.3">
      <c r="A669" s="120"/>
      <c r="B669" s="119"/>
      <c r="C669" s="119"/>
      <c r="D669" s="119"/>
      <c r="E669" s="119"/>
      <c r="F669" s="119"/>
      <c r="G669" s="119"/>
    </row>
    <row r="670" spans="1:7" ht="18.75" x14ac:dyDescent="0.3">
      <c r="A670" s="120"/>
      <c r="B670" s="119"/>
      <c r="C670" s="119"/>
      <c r="D670" s="119"/>
      <c r="E670" s="119"/>
      <c r="F670" s="119"/>
      <c r="G670" s="119"/>
    </row>
    <row r="671" spans="1:7" ht="18.75" x14ac:dyDescent="0.3">
      <c r="A671" s="120"/>
      <c r="B671" s="119"/>
      <c r="C671" s="119"/>
      <c r="D671" s="119"/>
      <c r="E671" s="119"/>
      <c r="F671" s="119"/>
      <c r="G671" s="119"/>
    </row>
    <row r="672" spans="1:7" ht="18.75" x14ac:dyDescent="0.3">
      <c r="A672" s="120"/>
      <c r="B672" s="119"/>
      <c r="C672" s="119"/>
      <c r="D672" s="119"/>
      <c r="E672" s="119"/>
      <c r="F672" s="119"/>
      <c r="G672" s="119"/>
    </row>
    <row r="673" spans="1:7" ht="18.75" x14ac:dyDescent="0.3">
      <c r="A673" s="120"/>
      <c r="B673" s="119"/>
      <c r="C673" s="119"/>
      <c r="D673" s="119"/>
      <c r="E673" s="119"/>
      <c r="F673" s="119"/>
      <c r="G673" s="119"/>
    </row>
    <row r="674" spans="1:7" ht="18.75" x14ac:dyDescent="0.3">
      <c r="A674" s="120"/>
      <c r="B674" s="119"/>
      <c r="C674" s="119"/>
      <c r="D674" s="119"/>
      <c r="E674" s="119"/>
      <c r="F674" s="119"/>
      <c r="G674" s="119"/>
    </row>
    <row r="675" spans="1:7" ht="18.75" x14ac:dyDescent="0.3">
      <c r="A675" s="120"/>
      <c r="B675" s="119"/>
      <c r="C675" s="119"/>
      <c r="D675" s="119"/>
      <c r="E675" s="119"/>
      <c r="F675" s="119"/>
      <c r="G675" s="119"/>
    </row>
    <row r="676" spans="1:7" ht="18.75" x14ac:dyDescent="0.3">
      <c r="A676" s="120"/>
      <c r="B676" s="119"/>
      <c r="C676" s="119"/>
      <c r="D676" s="119"/>
      <c r="E676" s="119"/>
      <c r="F676" s="119"/>
      <c r="G676" s="119"/>
    </row>
    <row r="677" spans="1:7" ht="18.75" x14ac:dyDescent="0.3">
      <c r="A677" s="120"/>
      <c r="B677" s="119"/>
      <c r="C677" s="119"/>
      <c r="D677" s="119"/>
      <c r="E677" s="119"/>
      <c r="F677" s="119"/>
      <c r="G677" s="119"/>
    </row>
    <row r="678" spans="1:7" ht="18.75" x14ac:dyDescent="0.3">
      <c r="A678" s="120"/>
      <c r="B678" s="119"/>
      <c r="C678" s="119"/>
      <c r="D678" s="119"/>
      <c r="E678" s="119"/>
      <c r="F678" s="119"/>
      <c r="G678" s="119"/>
    </row>
    <row r="679" spans="1:7" ht="18.75" x14ac:dyDescent="0.3">
      <c r="A679" s="120"/>
      <c r="B679" s="119"/>
      <c r="C679" s="119"/>
      <c r="D679" s="119"/>
      <c r="E679" s="119"/>
      <c r="F679" s="119"/>
      <c r="G679" s="119"/>
    </row>
    <row r="680" spans="1:7" ht="18.75" x14ac:dyDescent="0.3">
      <c r="A680" s="120"/>
      <c r="B680" s="119"/>
      <c r="C680" s="119"/>
      <c r="D680" s="119"/>
      <c r="E680" s="119"/>
      <c r="F680" s="119"/>
      <c r="G680" s="119"/>
    </row>
    <row r="681" spans="1:7" ht="18.75" x14ac:dyDescent="0.3">
      <c r="A681" s="120"/>
      <c r="B681" s="119"/>
      <c r="C681" s="119"/>
      <c r="D681" s="119"/>
      <c r="E681" s="119"/>
      <c r="F681" s="119"/>
      <c r="G681" s="119"/>
    </row>
    <row r="682" spans="1:7" ht="18.75" x14ac:dyDescent="0.3">
      <c r="A682" s="120"/>
      <c r="B682" s="119"/>
      <c r="C682" s="119"/>
      <c r="D682" s="119"/>
      <c r="E682" s="119"/>
      <c r="F682" s="119"/>
      <c r="G682" s="119"/>
    </row>
    <row r="683" spans="1:7" ht="18.75" x14ac:dyDescent="0.3">
      <c r="A683" s="120"/>
      <c r="B683" s="119"/>
      <c r="C683" s="119"/>
      <c r="D683" s="119"/>
      <c r="E683" s="119"/>
      <c r="F683" s="119"/>
      <c r="G683" s="119"/>
    </row>
    <row r="684" spans="1:7" ht="18.75" x14ac:dyDescent="0.3">
      <c r="A684" s="120"/>
      <c r="B684" s="119"/>
      <c r="C684" s="119"/>
      <c r="D684" s="119"/>
      <c r="E684" s="119"/>
      <c r="F684" s="119"/>
      <c r="G684" s="119"/>
    </row>
    <row r="685" spans="1:7" ht="18.75" x14ac:dyDescent="0.3">
      <c r="A685" s="120"/>
      <c r="B685" s="119"/>
      <c r="C685" s="119"/>
      <c r="D685" s="119"/>
      <c r="E685" s="119"/>
      <c r="F685" s="119"/>
      <c r="G685" s="119"/>
    </row>
    <row r="686" spans="1:7" ht="18.75" x14ac:dyDescent="0.3">
      <c r="A686" s="120"/>
      <c r="B686" s="119"/>
      <c r="C686" s="119"/>
      <c r="D686" s="119"/>
      <c r="E686" s="119"/>
      <c r="F686" s="119"/>
      <c r="G686" s="119"/>
    </row>
    <row r="687" spans="1:7" ht="18.75" x14ac:dyDescent="0.3">
      <c r="A687" s="120"/>
      <c r="B687" s="119"/>
      <c r="C687" s="119"/>
      <c r="D687" s="119"/>
      <c r="E687" s="119"/>
      <c r="F687" s="119"/>
      <c r="G687" s="119"/>
    </row>
    <row r="688" spans="1:7" ht="18.75" x14ac:dyDescent="0.3">
      <c r="A688" s="120"/>
      <c r="B688" s="119"/>
      <c r="C688" s="119"/>
      <c r="D688" s="119"/>
      <c r="E688" s="119"/>
      <c r="F688" s="119"/>
      <c r="G688" s="119"/>
    </row>
    <row r="689" spans="1:7" ht="18.75" x14ac:dyDescent="0.3">
      <c r="A689" s="120"/>
      <c r="B689" s="119"/>
      <c r="C689" s="119"/>
      <c r="D689" s="119"/>
      <c r="E689" s="119"/>
      <c r="F689" s="119"/>
      <c r="G689" s="119"/>
    </row>
    <row r="690" spans="1:7" ht="18.75" x14ac:dyDescent="0.3">
      <c r="A690" s="120"/>
      <c r="B690" s="119"/>
      <c r="C690" s="119"/>
      <c r="D690" s="119"/>
      <c r="E690" s="119"/>
      <c r="F690" s="119"/>
      <c r="G690" s="119"/>
    </row>
    <row r="691" spans="1:7" ht="18.75" x14ac:dyDescent="0.3">
      <c r="A691" s="120"/>
      <c r="B691" s="119"/>
      <c r="C691" s="119"/>
      <c r="D691" s="119"/>
      <c r="E691" s="119"/>
      <c r="F691" s="119"/>
      <c r="G691" s="119"/>
    </row>
    <row r="692" spans="1:7" ht="18.75" x14ac:dyDescent="0.3">
      <c r="A692" s="120"/>
      <c r="B692" s="119"/>
      <c r="C692" s="119"/>
      <c r="D692" s="119"/>
      <c r="E692" s="119"/>
      <c r="F692" s="119"/>
      <c r="G692" s="119"/>
    </row>
    <row r="693" spans="1:7" ht="18.75" x14ac:dyDescent="0.3">
      <c r="A693" s="120"/>
      <c r="B693" s="119"/>
      <c r="C693" s="119"/>
      <c r="D693" s="119"/>
      <c r="E693" s="119"/>
      <c r="F693" s="119"/>
      <c r="G693" s="119"/>
    </row>
    <row r="694" spans="1:7" ht="18.75" x14ac:dyDescent="0.3">
      <c r="A694" s="120"/>
      <c r="B694" s="119"/>
      <c r="C694" s="119"/>
      <c r="D694" s="119"/>
      <c r="E694" s="119"/>
      <c r="F694" s="119"/>
      <c r="G694" s="119"/>
    </row>
    <row r="695" spans="1:7" ht="18.75" x14ac:dyDescent="0.3">
      <c r="A695" s="120"/>
      <c r="B695" s="119"/>
      <c r="C695" s="119"/>
      <c r="D695" s="119"/>
      <c r="E695" s="119"/>
      <c r="F695" s="119"/>
      <c r="G695" s="119"/>
    </row>
    <row r="696" spans="1:7" ht="18.75" x14ac:dyDescent="0.3">
      <c r="A696" s="120"/>
      <c r="B696" s="119"/>
      <c r="C696" s="119"/>
      <c r="D696" s="119"/>
      <c r="E696" s="119"/>
      <c r="F696" s="119"/>
      <c r="G696" s="119"/>
    </row>
    <row r="697" spans="1:7" ht="18.75" x14ac:dyDescent="0.3">
      <c r="A697" s="120"/>
      <c r="B697" s="6"/>
      <c r="C697" s="6"/>
      <c r="D697" s="6"/>
      <c r="E697" s="6"/>
      <c r="F697" s="6"/>
      <c r="G697" s="6"/>
    </row>
    <row r="698" spans="1:7" ht="18.75" x14ac:dyDescent="0.3">
      <c r="A698" s="120"/>
      <c r="B698" s="6"/>
      <c r="C698" s="6"/>
      <c r="D698" s="6"/>
      <c r="E698" s="6"/>
      <c r="F698" s="6"/>
      <c r="G698" s="6"/>
    </row>
    <row r="699" spans="1:7" ht="18.75" x14ac:dyDescent="0.3">
      <c r="A699" s="120"/>
      <c r="B699" s="6"/>
      <c r="C699" s="6"/>
      <c r="D699" s="6"/>
      <c r="E699" s="6"/>
      <c r="F699" s="6"/>
      <c r="G699" s="6"/>
    </row>
    <row r="700" spans="1:7" ht="15.75" x14ac:dyDescent="0.25">
      <c r="A700" s="5"/>
      <c r="B700" s="6"/>
      <c r="C700" s="6"/>
      <c r="D700" s="6"/>
      <c r="E700" s="6"/>
      <c r="F700" s="6"/>
      <c r="G700" s="6"/>
    </row>
    <row r="701" spans="1:7" ht="15.75" x14ac:dyDescent="0.25">
      <c r="A701" s="5"/>
      <c r="B701" s="6"/>
      <c r="C701" s="6"/>
      <c r="D701" s="6"/>
      <c r="E701" s="6"/>
      <c r="F701" s="6"/>
      <c r="G701" s="6"/>
    </row>
    <row r="702" spans="1:7" ht="15.75" x14ac:dyDescent="0.25">
      <c r="A702" s="5"/>
      <c r="B702" s="6"/>
      <c r="C702" s="6"/>
      <c r="D702" s="6"/>
      <c r="E702" s="6"/>
      <c r="F702" s="6"/>
      <c r="G702" s="6"/>
    </row>
    <row r="703" spans="1:7" ht="15.75" x14ac:dyDescent="0.25">
      <c r="A703" s="5"/>
      <c r="B703" s="6"/>
      <c r="C703" s="6"/>
      <c r="D703" s="6"/>
      <c r="E703" s="6"/>
      <c r="F703" s="6"/>
      <c r="G703" s="6"/>
    </row>
    <row r="704" spans="1:7" ht="15.75" x14ac:dyDescent="0.25">
      <c r="A704" s="5"/>
      <c r="B704" s="6"/>
      <c r="C704" s="6"/>
      <c r="D704" s="6"/>
      <c r="E704" s="6"/>
      <c r="F704" s="6"/>
      <c r="G704" s="6"/>
    </row>
    <row r="705" spans="1:7" ht="15.75" x14ac:dyDescent="0.25">
      <c r="A705" s="5"/>
      <c r="B705" s="6"/>
      <c r="C705" s="6"/>
      <c r="D705" s="6"/>
      <c r="E705" s="6"/>
      <c r="F705" s="6"/>
      <c r="G705" s="6"/>
    </row>
    <row r="706" spans="1:7" ht="15.75" x14ac:dyDescent="0.25">
      <c r="A706" s="5"/>
      <c r="B706" s="6"/>
      <c r="C706" s="6"/>
      <c r="D706" s="6"/>
      <c r="E706" s="6"/>
      <c r="F706" s="6"/>
      <c r="G706" s="6"/>
    </row>
    <row r="707" spans="1:7" ht="15.75" x14ac:dyDescent="0.25">
      <c r="A707" s="5"/>
      <c r="B707" s="6"/>
      <c r="C707" s="6"/>
      <c r="D707" s="6"/>
      <c r="E707" s="6"/>
      <c r="F707" s="6"/>
      <c r="G707" s="6"/>
    </row>
    <row r="708" spans="1:7" ht="15.75" x14ac:dyDescent="0.25">
      <c r="A708" s="5"/>
      <c r="B708" s="6"/>
      <c r="C708" s="6"/>
      <c r="D708" s="6"/>
      <c r="E708" s="6"/>
      <c r="F708" s="6"/>
      <c r="G708" s="6"/>
    </row>
    <row r="709" spans="1:7" ht="15.75" x14ac:dyDescent="0.25">
      <c r="A709" s="5"/>
      <c r="B709" s="6"/>
      <c r="C709" s="6"/>
      <c r="D709" s="6"/>
      <c r="E709" s="6"/>
      <c r="F709" s="6"/>
      <c r="G709" s="6"/>
    </row>
    <row r="710" spans="1:7" ht="15.75" x14ac:dyDescent="0.25">
      <c r="A710" s="5"/>
      <c r="B710" s="6"/>
      <c r="C710" s="6"/>
      <c r="D710" s="6"/>
      <c r="E710" s="6"/>
      <c r="F710" s="6"/>
      <c r="G710" s="6"/>
    </row>
    <row r="711" spans="1:7" ht="15.75" x14ac:dyDescent="0.25">
      <c r="A711" s="5"/>
      <c r="B711" s="6"/>
      <c r="C711" s="6"/>
      <c r="D711" s="6"/>
      <c r="E711" s="6"/>
      <c r="F711" s="6"/>
      <c r="G711" s="6"/>
    </row>
    <row r="712" spans="1:7" ht="15.75" x14ac:dyDescent="0.25">
      <c r="A712" s="5"/>
      <c r="B712" s="6"/>
      <c r="C712" s="6"/>
      <c r="D712" s="6"/>
      <c r="E712" s="6"/>
      <c r="F712" s="6"/>
      <c r="G712" s="6"/>
    </row>
    <row r="713" spans="1:7" ht="15.75" x14ac:dyDescent="0.25">
      <c r="A713" s="5"/>
    </row>
    <row r="714" spans="1:7" ht="15.75" x14ac:dyDescent="0.25">
      <c r="A714" s="5"/>
    </row>
    <row r="715" spans="1:7" ht="15.75" x14ac:dyDescent="0.25">
      <c r="A715" s="5"/>
    </row>
    <row r="716" spans="1:7" ht="15.75" x14ac:dyDescent="0.25">
      <c r="A716" s="5"/>
    </row>
  </sheetData>
  <autoFilter ref="B1:B714"/>
  <mergeCells count="26">
    <mergeCell ref="A242:G242"/>
    <mergeCell ref="A1:G2"/>
    <mergeCell ref="A3:G3"/>
    <mergeCell ref="A4:G4"/>
    <mergeCell ref="A5:G5"/>
    <mergeCell ref="A26:G26"/>
    <mergeCell ref="A49:G49"/>
    <mergeCell ref="A76:G76"/>
    <mergeCell ref="A104:G104"/>
    <mergeCell ref="A149:G149"/>
    <mergeCell ref="A166:G166"/>
    <mergeCell ref="A191:G191"/>
    <mergeCell ref="A233:G233"/>
    <mergeCell ref="A285:G285"/>
    <mergeCell ref="A319:G319"/>
    <mergeCell ref="A293:G293"/>
    <mergeCell ref="A595:G595"/>
    <mergeCell ref="A348:G348"/>
    <mergeCell ref="A371:G371"/>
    <mergeCell ref="A394:G394"/>
    <mergeCell ref="A407:G407"/>
    <mergeCell ref="A435:G435"/>
    <mergeCell ref="A465:G465"/>
    <mergeCell ref="A500:G500"/>
    <mergeCell ref="A520:G520"/>
    <mergeCell ref="A556:G556"/>
  </mergeCells>
  <pageMargins left="0.70866141732283472" right="0.70866141732283472" top="0.19685039370078741" bottom="0.19685039370078741" header="0.31496062992125984" footer="0.31496062992125984"/>
  <pageSetup paperSize="8" scale="69" fitToHeight="0" orientation="landscape" r:id="rId1"/>
  <rowBreaks count="19" manualBreakCount="19">
    <brk id="25" min="1" max="6" man="1"/>
    <brk id="48" min="1" max="6" man="1"/>
    <brk id="75" min="1" max="6" man="1"/>
    <brk id="103" min="1" max="6" man="1"/>
    <brk id="148" min="1" max="6" man="1"/>
    <brk id="190" min="1" max="6" man="1"/>
    <brk id="232" min="1" max="6" man="1"/>
    <brk id="241" min="1" max="6" man="1"/>
    <brk id="284" min="1" max="6" man="1"/>
    <brk id="318" min="1" max="6" man="1"/>
    <brk id="347" max="16383" man="1"/>
    <brk id="370" min="1" max="6" man="1"/>
    <brk id="406" min="1" max="6" man="1"/>
    <brk id="434" max="16383" man="1"/>
    <brk id="464" max="16383" man="1"/>
    <brk id="499" min="1" max="6" man="1"/>
    <brk id="519" max="16383" man="1"/>
    <brk id="555" max="16383" man="1"/>
    <brk id="594" min="1" max="6"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vt:i4>
      </vt:variant>
      <vt:variant>
        <vt:lpstr>Named Ranges</vt:lpstr>
      </vt:variant>
      <vt:variant>
        <vt:i4>1</vt:i4>
      </vt:variant>
    </vt:vector>
  </HeadingPairs>
  <TitlesOfParts>
    <vt:vector size="2" baseType="lpstr">
      <vt:lpstr>For Publication</vt:lpstr>
      <vt:lpstr>'For Publication'!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15-06-05T18:17:20Z</dcterms:created>
  <dcterms:modified xsi:type="dcterms:W3CDTF">2026-03-07T17:12:03Z</dcterms:modified>
</cp:coreProperties>
</file>